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3DED2C3" w14:textId="77777777" w:rsidR="009C6726" w:rsidRDefault="00000000">
      <w:pPr>
        <w:pStyle w:val="Titolo1"/>
      </w:pPr>
      <w:r>
        <w:rPr>
          <w:color w:val="000000"/>
          <w:spacing w:val="-2"/>
        </w:rPr>
        <w:t>An Garda Síochána</w:t>
      </w:r>
    </w:p>
    <w:p w14:paraId="764863CB" w14:textId="77777777" w:rsidR="009C6726" w:rsidRDefault="00000000">
      <w:pPr>
        <w:pStyle w:val="Corpotesto"/>
        <w:spacing w:before="9"/>
        <w:rPr>
          <w:rFonts w:ascii="Segoe UI Light" w:hAnsi="Segoe UI Light"/>
          <w:sz w:val="20"/>
        </w:rPr>
      </w:pPr>
      <w:r>
        <w:rPr>
          <w:rFonts w:ascii="Segoe UI Light" w:hAnsi="Segoe UI Light"/>
          <w:noProof/>
          <w:color w:val="000000"/>
          <w:sz w:val="20"/>
        </w:rPr>
        <w:drawing>
          <wp:anchor distT="0" distB="0" distL="0" distR="0" simplePos="0" relativeHeight="487587840" behindDoc="1" locked="0" layoutInCell="1" allowOverlap="1" wp14:anchorId="678CC443" wp14:editId="1E523A93">
            <wp:simplePos x="0" y="0"/>
            <wp:positionH relativeFrom="page">
              <wp:posOffset>3206483</wp:posOffset>
            </wp:positionH>
            <wp:positionV relativeFrom="paragraph">
              <wp:posOffset>190375</wp:posOffset>
            </wp:positionV>
            <wp:extent cx="1133779" cy="1133855"/>
            <wp:effectExtent l="0" t="0" r="0" b="0"/>
            <wp:wrapTopAndBottom/>
            <wp:docPr id="1" name="Image 1"/>
            <wp:cNvGraphicFramePr>
              <a:graphicFrameLocks xmlns:a="http://schemas.openxmlformats.org/drawingml/2006/main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Image 1"/>
                    <pic:cNvPicPr/>
                  </pic:nvPicPr>
                  <pic:blipFill>
                    <a:blip r:embed="rId6" cstate="print"/>
                    <a:stretch>
                      <a:fillRect/>
                    </a:stretch>
                  </pic:blipFill>
                  <pic:spPr>
                    <a:xfrm>
                      <a:off x="0" y="0"/>
                      <a:ext cx="1133779" cy="1133855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</w:p>
    <w:p w14:paraId="52296499" w14:textId="77777777" w:rsidR="009C6726" w:rsidRDefault="00000000">
      <w:pPr>
        <w:pStyle w:val="Titolo2"/>
        <w:spacing w:line="312" w:lineRule="auto"/>
      </w:pPr>
      <w:r>
        <w:rPr>
          <w:color w:val="000000"/>
          <w:spacing w:val="-2"/>
        </w:rPr>
        <w:t>Acht an Gharda Síochána (Feistí Taifeadta), 2023 Cód Cleachtais – Tuairimí</w:t>
      </w:r>
    </w:p>
    <w:p w14:paraId="1905132F" w14:textId="77777777" w:rsidR="009C6726" w:rsidRDefault="009C6726">
      <w:pPr>
        <w:pStyle w:val="Corpotesto"/>
        <w:rPr>
          <w:b/>
          <w:sz w:val="20"/>
        </w:rPr>
      </w:pPr>
    </w:p>
    <w:p w14:paraId="72BD9E21" w14:textId="77777777" w:rsidR="009C6726" w:rsidRDefault="009C6726">
      <w:pPr>
        <w:pStyle w:val="Corpotesto"/>
        <w:rPr>
          <w:b/>
          <w:sz w:val="20"/>
        </w:rPr>
      </w:pPr>
    </w:p>
    <w:p w14:paraId="6F6850B2" w14:textId="77777777" w:rsidR="009C6726" w:rsidRDefault="009C6726">
      <w:pPr>
        <w:pStyle w:val="Corpotesto"/>
        <w:spacing w:before="84"/>
        <w:rPr>
          <w:b/>
          <w:sz w:val="20"/>
        </w:rPr>
      </w:pPr>
    </w:p>
    <w:tbl>
      <w:tblPr>
        <w:tblStyle w:val="TableNormal"/>
        <w:tblW w:w="0" w:type="auto"/>
        <w:tblInd w:w="197" w:type="dxa"/>
        <w:tblLayout w:type="fixed"/>
        <w:tblLook w:val="01E0" w:firstRow="1" w:lastRow="1" w:firstColumn="1" w:lastColumn="1" w:noHBand="0" w:noVBand="0"/>
      </w:tblPr>
      <w:tblGrid>
        <w:gridCol w:w="2071"/>
      </w:tblGrid>
      <w:tr w:rsidR="009C6726" w14:paraId="05EE7B3B" w14:textId="77777777" w:rsidTr="005F605F">
        <w:trPr>
          <w:trHeight w:val="758"/>
        </w:trPr>
        <w:tc>
          <w:tcPr>
            <w:tcW w:w="2071" w:type="dxa"/>
          </w:tcPr>
          <w:p w14:paraId="0FECAE7C" w14:textId="77777777" w:rsidR="009C6726" w:rsidRDefault="00000000">
            <w:pPr>
              <w:pStyle w:val="TableParagraph"/>
              <w:spacing w:before="100"/>
              <w:ind w:right="248" w:firstLine="230"/>
              <w:rPr>
                <w:b/>
              </w:rPr>
            </w:pPr>
            <w:r>
              <w:rPr>
                <w:b/>
                <w:color w:val="000000"/>
                <w:spacing w:val="-4"/>
              </w:rPr>
              <w:t>Ainm (Céadainm, Sloinne)</w:t>
            </w:r>
          </w:p>
        </w:tc>
      </w:tr>
      <w:tr w:rsidR="009C6726" w14:paraId="215E9EE6" w14:textId="77777777" w:rsidTr="005F605F">
        <w:trPr>
          <w:trHeight w:val="739"/>
        </w:trPr>
        <w:tc>
          <w:tcPr>
            <w:tcW w:w="2071" w:type="dxa"/>
          </w:tcPr>
          <w:p w14:paraId="28FA320B" w14:textId="77777777" w:rsidR="009C6726" w:rsidRDefault="00000000">
            <w:pPr>
              <w:pStyle w:val="TableParagraph"/>
              <w:spacing w:before="81"/>
              <w:ind w:left="143" w:right="59" w:hanging="27"/>
              <w:rPr>
                <w:b/>
              </w:rPr>
            </w:pPr>
            <w:r>
              <w:rPr>
                <w:b/>
                <w:color w:val="000000"/>
                <w:spacing w:val="-4"/>
              </w:rPr>
              <w:t>Sonraí teagmhála (Fón, ríomhphost)</w:t>
            </w:r>
          </w:p>
        </w:tc>
      </w:tr>
      <w:tr w:rsidR="009C6726" w14:paraId="6D0C7FDC" w14:textId="77777777" w:rsidTr="005F605F">
        <w:trPr>
          <w:trHeight w:val="614"/>
        </w:trPr>
        <w:tc>
          <w:tcPr>
            <w:tcW w:w="2071" w:type="dxa"/>
          </w:tcPr>
          <w:p w14:paraId="46029B4C" w14:textId="77777777" w:rsidR="009C6726" w:rsidRDefault="00000000">
            <w:pPr>
              <w:pStyle w:val="TableParagraph"/>
              <w:spacing w:line="270" w:lineRule="atLeast"/>
              <w:rPr>
                <w:b/>
              </w:rPr>
            </w:pPr>
            <w:r>
              <w:rPr>
                <w:b/>
                <w:color w:val="000000"/>
                <w:spacing w:val="-4"/>
              </w:rPr>
              <w:t>Eagraíocht (más infheidhme)</w:t>
            </w:r>
          </w:p>
        </w:tc>
      </w:tr>
    </w:tbl>
    <w:p w14:paraId="1391FF2E" w14:textId="77777777" w:rsidR="009C6726" w:rsidRDefault="009C6726">
      <w:pPr>
        <w:pStyle w:val="Corpotesto"/>
        <w:rPr>
          <w:b/>
        </w:rPr>
      </w:pPr>
    </w:p>
    <w:p w14:paraId="62F73CAF" w14:textId="77777777" w:rsidR="009C6726" w:rsidRDefault="009C6726">
      <w:pPr>
        <w:pStyle w:val="Corpotesto"/>
        <w:spacing w:before="25"/>
        <w:rPr>
          <w:b/>
        </w:rPr>
      </w:pPr>
    </w:p>
    <w:p w14:paraId="41DFEF86" w14:textId="77777777" w:rsidR="009C6726" w:rsidRDefault="00000000">
      <w:pPr>
        <w:pStyle w:val="Corpotesto"/>
        <w:ind w:left="144" w:right="91" w:hanging="1"/>
      </w:pPr>
      <w:r>
        <w:rPr>
          <w:noProof/>
          <w:color w:val="000000"/>
        </w:rPr>
        <mc:AlternateContent>
          <mc:Choice Requires="wpg">
            <w:drawing>
              <wp:anchor distT="0" distB="0" distL="0" distR="0" simplePos="0" relativeHeight="487540224" behindDoc="1" locked="0" layoutInCell="1" allowOverlap="1" wp14:anchorId="539DD305" wp14:editId="68B55ACE">
                <wp:simplePos x="0" y="0"/>
                <wp:positionH relativeFrom="page">
                  <wp:posOffset>541019</wp:posOffset>
                </wp:positionH>
                <wp:positionV relativeFrom="paragraph">
                  <wp:posOffset>-1683738</wp:posOffset>
                </wp:positionV>
                <wp:extent cx="6442075" cy="1423670"/>
                <wp:effectExtent l="0" t="0" r="0" b="0"/>
                <wp:wrapNone/>
                <wp:docPr id="2" name="Group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>
                        <a:xfrm>
                          <a:off x="0" y="0"/>
                          <a:ext cx="6442075" cy="1423670"/>
                          <a:chOff x="0" y="0"/>
                          <a:chExt cx="6442075" cy="1423670"/>
                        </a:xfrm>
                      </wpg:grpSpPr>
                      <wps:wsp>
                        <wps:cNvPr id="3" name="Graphic 3"/>
                        <wps:cNvSpPr/>
                        <wps:spPr>
                          <a:xfrm>
                            <a:off x="0" y="0"/>
                            <a:ext cx="6442075" cy="142367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6442075" h="1423670">
                                <a:moveTo>
                                  <a:pt x="11938" y="1411224"/>
                                </a:moveTo>
                                <a:lnTo>
                                  <a:pt x="0" y="1411224"/>
                                </a:lnTo>
                                <a:lnTo>
                                  <a:pt x="0" y="1423416"/>
                                </a:lnTo>
                                <a:lnTo>
                                  <a:pt x="11938" y="1423416"/>
                                </a:lnTo>
                                <a:lnTo>
                                  <a:pt x="11938" y="1411224"/>
                                </a:lnTo>
                                <a:close/>
                              </a:path>
                              <a:path w="6442075" h="1423670">
                                <a:moveTo>
                                  <a:pt x="11938" y="952500"/>
                                </a:moveTo>
                                <a:lnTo>
                                  <a:pt x="0" y="952500"/>
                                </a:lnTo>
                                <a:lnTo>
                                  <a:pt x="0" y="1411097"/>
                                </a:lnTo>
                                <a:lnTo>
                                  <a:pt x="11938" y="1411097"/>
                                </a:lnTo>
                                <a:lnTo>
                                  <a:pt x="11938" y="952500"/>
                                </a:lnTo>
                                <a:close/>
                              </a:path>
                              <a:path w="6442075" h="1423670">
                                <a:moveTo>
                                  <a:pt x="11938" y="471043"/>
                                </a:moveTo>
                                <a:lnTo>
                                  <a:pt x="0" y="471043"/>
                                </a:lnTo>
                                <a:lnTo>
                                  <a:pt x="0" y="483235"/>
                                </a:lnTo>
                                <a:lnTo>
                                  <a:pt x="0" y="940435"/>
                                </a:lnTo>
                                <a:lnTo>
                                  <a:pt x="0" y="952373"/>
                                </a:lnTo>
                                <a:lnTo>
                                  <a:pt x="11938" y="952373"/>
                                </a:lnTo>
                                <a:lnTo>
                                  <a:pt x="11938" y="940435"/>
                                </a:lnTo>
                                <a:lnTo>
                                  <a:pt x="11938" y="483235"/>
                                </a:lnTo>
                                <a:lnTo>
                                  <a:pt x="11938" y="471043"/>
                                </a:lnTo>
                                <a:close/>
                              </a:path>
                              <a:path w="6442075" h="1423670">
                                <a:moveTo>
                                  <a:pt x="11938" y="0"/>
                                </a:moveTo>
                                <a:lnTo>
                                  <a:pt x="0" y="0"/>
                                </a:lnTo>
                                <a:lnTo>
                                  <a:pt x="0" y="12192"/>
                                </a:lnTo>
                                <a:lnTo>
                                  <a:pt x="0" y="470789"/>
                                </a:lnTo>
                                <a:lnTo>
                                  <a:pt x="11938" y="470789"/>
                                </a:lnTo>
                                <a:lnTo>
                                  <a:pt x="11938" y="12192"/>
                                </a:lnTo>
                                <a:lnTo>
                                  <a:pt x="11938" y="0"/>
                                </a:lnTo>
                                <a:close/>
                              </a:path>
                              <a:path w="6442075" h="1423670">
                                <a:moveTo>
                                  <a:pt x="1077328" y="1411224"/>
                                </a:moveTo>
                                <a:lnTo>
                                  <a:pt x="12065" y="1411224"/>
                                </a:lnTo>
                                <a:lnTo>
                                  <a:pt x="12065" y="1423416"/>
                                </a:lnTo>
                                <a:lnTo>
                                  <a:pt x="1077328" y="1423416"/>
                                </a:lnTo>
                                <a:lnTo>
                                  <a:pt x="1077328" y="1411224"/>
                                </a:lnTo>
                                <a:close/>
                              </a:path>
                              <a:path w="6442075" h="1423670">
                                <a:moveTo>
                                  <a:pt x="1077328" y="940435"/>
                                </a:moveTo>
                                <a:lnTo>
                                  <a:pt x="12065" y="940435"/>
                                </a:lnTo>
                                <a:lnTo>
                                  <a:pt x="12065" y="952373"/>
                                </a:lnTo>
                                <a:lnTo>
                                  <a:pt x="1077328" y="952373"/>
                                </a:lnTo>
                                <a:lnTo>
                                  <a:pt x="1077328" y="940435"/>
                                </a:lnTo>
                                <a:close/>
                              </a:path>
                              <a:path w="6442075" h="1423670">
                                <a:moveTo>
                                  <a:pt x="1077328" y="471043"/>
                                </a:moveTo>
                                <a:lnTo>
                                  <a:pt x="12065" y="471043"/>
                                </a:lnTo>
                                <a:lnTo>
                                  <a:pt x="12065" y="483235"/>
                                </a:lnTo>
                                <a:lnTo>
                                  <a:pt x="1077328" y="483235"/>
                                </a:lnTo>
                                <a:lnTo>
                                  <a:pt x="1077328" y="471043"/>
                                </a:lnTo>
                                <a:close/>
                              </a:path>
                              <a:path w="6442075" h="1423670">
                                <a:moveTo>
                                  <a:pt x="1077328" y="0"/>
                                </a:moveTo>
                                <a:lnTo>
                                  <a:pt x="12065" y="0"/>
                                </a:lnTo>
                                <a:lnTo>
                                  <a:pt x="12065" y="12192"/>
                                </a:lnTo>
                                <a:lnTo>
                                  <a:pt x="1077328" y="12192"/>
                                </a:lnTo>
                                <a:lnTo>
                                  <a:pt x="1077328" y="0"/>
                                </a:lnTo>
                                <a:close/>
                              </a:path>
                              <a:path w="6442075" h="1423670">
                                <a:moveTo>
                                  <a:pt x="1083437" y="952500"/>
                                </a:moveTo>
                                <a:lnTo>
                                  <a:pt x="1077468" y="952500"/>
                                </a:lnTo>
                                <a:lnTo>
                                  <a:pt x="1077468" y="1411097"/>
                                </a:lnTo>
                                <a:lnTo>
                                  <a:pt x="1083437" y="1411097"/>
                                </a:lnTo>
                                <a:lnTo>
                                  <a:pt x="1083437" y="952500"/>
                                </a:lnTo>
                                <a:close/>
                              </a:path>
                              <a:path w="6442075" h="1423670">
                                <a:moveTo>
                                  <a:pt x="6441567" y="1411224"/>
                                </a:moveTo>
                                <a:lnTo>
                                  <a:pt x="6429502" y="1411224"/>
                                </a:lnTo>
                                <a:lnTo>
                                  <a:pt x="6429375" y="1411224"/>
                                </a:lnTo>
                                <a:lnTo>
                                  <a:pt x="1089406" y="1411224"/>
                                </a:lnTo>
                                <a:lnTo>
                                  <a:pt x="1077468" y="1411224"/>
                                </a:lnTo>
                                <a:lnTo>
                                  <a:pt x="1077468" y="1423416"/>
                                </a:lnTo>
                                <a:lnTo>
                                  <a:pt x="1089406" y="1423416"/>
                                </a:lnTo>
                                <a:lnTo>
                                  <a:pt x="6429375" y="1423416"/>
                                </a:lnTo>
                                <a:lnTo>
                                  <a:pt x="6429502" y="1423416"/>
                                </a:lnTo>
                                <a:lnTo>
                                  <a:pt x="6441567" y="1423416"/>
                                </a:lnTo>
                                <a:lnTo>
                                  <a:pt x="6441567" y="1411224"/>
                                </a:lnTo>
                                <a:close/>
                              </a:path>
                              <a:path w="6442075" h="1423670">
                                <a:moveTo>
                                  <a:pt x="6441567" y="952500"/>
                                </a:moveTo>
                                <a:lnTo>
                                  <a:pt x="6429375" y="952500"/>
                                </a:lnTo>
                                <a:lnTo>
                                  <a:pt x="6429375" y="1411097"/>
                                </a:lnTo>
                                <a:lnTo>
                                  <a:pt x="6441567" y="1411097"/>
                                </a:lnTo>
                                <a:lnTo>
                                  <a:pt x="6441567" y="952500"/>
                                </a:lnTo>
                                <a:close/>
                              </a:path>
                              <a:path w="6442075" h="1423670">
                                <a:moveTo>
                                  <a:pt x="6441567" y="471043"/>
                                </a:moveTo>
                                <a:lnTo>
                                  <a:pt x="6429502" y="471043"/>
                                </a:lnTo>
                                <a:lnTo>
                                  <a:pt x="6429375" y="471043"/>
                                </a:lnTo>
                                <a:lnTo>
                                  <a:pt x="6429375" y="483235"/>
                                </a:lnTo>
                                <a:lnTo>
                                  <a:pt x="6429375" y="940435"/>
                                </a:lnTo>
                                <a:lnTo>
                                  <a:pt x="1089406" y="940435"/>
                                </a:lnTo>
                                <a:lnTo>
                                  <a:pt x="1083437" y="940435"/>
                                </a:lnTo>
                                <a:lnTo>
                                  <a:pt x="1083437" y="483235"/>
                                </a:lnTo>
                                <a:lnTo>
                                  <a:pt x="1089406" y="483235"/>
                                </a:lnTo>
                                <a:lnTo>
                                  <a:pt x="6429375" y="483235"/>
                                </a:lnTo>
                                <a:lnTo>
                                  <a:pt x="6429375" y="471043"/>
                                </a:lnTo>
                                <a:lnTo>
                                  <a:pt x="1089406" y="471043"/>
                                </a:lnTo>
                                <a:lnTo>
                                  <a:pt x="1077468" y="471043"/>
                                </a:lnTo>
                                <a:lnTo>
                                  <a:pt x="1077468" y="483235"/>
                                </a:lnTo>
                                <a:lnTo>
                                  <a:pt x="1077468" y="940435"/>
                                </a:lnTo>
                                <a:lnTo>
                                  <a:pt x="1077468" y="952373"/>
                                </a:lnTo>
                                <a:lnTo>
                                  <a:pt x="1089406" y="952373"/>
                                </a:lnTo>
                                <a:lnTo>
                                  <a:pt x="6429375" y="952373"/>
                                </a:lnTo>
                                <a:lnTo>
                                  <a:pt x="6429502" y="952373"/>
                                </a:lnTo>
                                <a:lnTo>
                                  <a:pt x="6441567" y="952373"/>
                                </a:lnTo>
                                <a:lnTo>
                                  <a:pt x="6441567" y="940435"/>
                                </a:lnTo>
                                <a:lnTo>
                                  <a:pt x="6441567" y="483235"/>
                                </a:lnTo>
                                <a:lnTo>
                                  <a:pt x="6441567" y="471043"/>
                                </a:lnTo>
                                <a:close/>
                              </a:path>
                              <a:path w="6442075" h="1423670">
                                <a:moveTo>
                                  <a:pt x="6441567" y="0"/>
                                </a:moveTo>
                                <a:lnTo>
                                  <a:pt x="6429502" y="0"/>
                                </a:lnTo>
                                <a:lnTo>
                                  <a:pt x="6429375" y="0"/>
                                </a:lnTo>
                                <a:lnTo>
                                  <a:pt x="1089406" y="0"/>
                                </a:lnTo>
                                <a:lnTo>
                                  <a:pt x="1077468" y="0"/>
                                </a:lnTo>
                                <a:lnTo>
                                  <a:pt x="1077468" y="12192"/>
                                </a:lnTo>
                                <a:lnTo>
                                  <a:pt x="1077468" y="470789"/>
                                </a:lnTo>
                                <a:lnTo>
                                  <a:pt x="1083437" y="470789"/>
                                </a:lnTo>
                                <a:lnTo>
                                  <a:pt x="1083437" y="12192"/>
                                </a:lnTo>
                                <a:lnTo>
                                  <a:pt x="1089406" y="12192"/>
                                </a:lnTo>
                                <a:lnTo>
                                  <a:pt x="6429375" y="12192"/>
                                </a:lnTo>
                                <a:lnTo>
                                  <a:pt x="6429375" y="470789"/>
                                </a:lnTo>
                                <a:lnTo>
                                  <a:pt x="6441567" y="470789"/>
                                </a:lnTo>
                                <a:lnTo>
                                  <a:pt x="6441567" y="12192"/>
                                </a:lnTo>
                                <a:lnTo>
                                  <a:pt x="6441567" y="0"/>
                                </a:lnTo>
                                <a:close/>
                              </a:path>
                            </a:pathLst>
                          </a:custGeom>
                          <a:solidFill>
                            <a:srgbClr val="6F88BC"/>
                          </a:solidFill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" name="Graphic 4"/>
                        <wps:cNvSpPr/>
                        <wps:spPr>
                          <a:xfrm>
                            <a:off x="1114149" y="47451"/>
                            <a:ext cx="5245100" cy="38989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5245100" h="389890">
                                <a:moveTo>
                                  <a:pt x="0" y="389763"/>
                                </a:moveTo>
                                <a:lnTo>
                                  <a:pt x="5244719" y="389763"/>
                                </a:lnTo>
                                <a:lnTo>
                                  <a:pt x="5244719" y="0"/>
                                </a:lnTo>
                                <a:lnTo>
                                  <a:pt x="0" y="0"/>
                                </a:lnTo>
                                <a:lnTo>
                                  <a:pt x="0" y="389763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" name="Graphic 5"/>
                        <wps:cNvSpPr/>
                        <wps:spPr>
                          <a:xfrm>
                            <a:off x="1138362" y="527150"/>
                            <a:ext cx="5223510" cy="39624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5223510" h="396240">
                                <a:moveTo>
                                  <a:pt x="0" y="395859"/>
                                </a:moveTo>
                                <a:lnTo>
                                  <a:pt x="5223510" y="395859"/>
                                </a:lnTo>
                                <a:lnTo>
                                  <a:pt x="5223510" y="0"/>
                                </a:lnTo>
                                <a:lnTo>
                                  <a:pt x="0" y="0"/>
                                </a:lnTo>
                                <a:lnTo>
                                  <a:pt x="0" y="395859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" name="Graphic 6"/>
                        <wps:cNvSpPr/>
                        <wps:spPr>
                          <a:xfrm>
                            <a:off x="1156522" y="988724"/>
                            <a:ext cx="5205730" cy="39624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5205730" h="396240">
                                <a:moveTo>
                                  <a:pt x="0" y="395859"/>
                                </a:moveTo>
                                <a:lnTo>
                                  <a:pt x="5205349" y="395859"/>
                                </a:lnTo>
                                <a:lnTo>
                                  <a:pt x="5205349" y="0"/>
                                </a:lnTo>
                                <a:lnTo>
                                  <a:pt x="0" y="0"/>
                                </a:lnTo>
                                <a:lnTo>
                                  <a:pt x="0" y="395859"/>
                                </a:lnTo>
                                <a:close/>
                              </a:path>
                            </a:pathLst>
                          </a:custGeom>
                          <a:ln w="12699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0C1FDF0B" id="Group 2" o:spid="_x0000_s1026" style="position:absolute;margin-left:42.6pt;margin-top:-132.6pt;width:507.25pt;height:112.1pt;z-index:-15776256;mso-wrap-distance-left:0;mso-wrap-distance-right:0;mso-position-horizontal-relative:page" coordsize="64420,1423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">
                <v:shape id="Graphic 3" o:spid="_x0000_s1027" style="position:absolute;width:64420;height:14236;visibility:visible;mso-wrap-style:square;v-text-anchor:top" coordsize="6442075,142367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" path="m11938,1411224r-11938,l,1423416r11938,l11938,1411224xem11938,952500l,952500r,458597l11938,1411097r,-458597xem11938,471043l,471043r,12192l,940435r,11938l11938,952373r,-11938l11938,483235r,-12192xem11938,l,,,12192,,470789r11938,l11938,12192,11938,xem1077328,1411224r-1065263,l12065,1423416r1065263,l1077328,1411224xem1077328,940435r-1065263,l12065,952373r1065263,l1077328,940435xem1077328,471043r-1065263,l12065,483235r1065263,l1077328,471043xem1077328,l12065,r,12192l1077328,12192r,-12192xem1083437,952500r-5969,l1077468,1411097r5969,l1083437,952500xem6441567,1411224r-12065,l6429375,1411224r-5339969,l1077468,1411224r,12192l1089406,1423416r5339969,l6429502,1423416r12065,l6441567,1411224xem6441567,952500r-12192,l6429375,1411097r12192,l6441567,952500xem6441567,471043r-12065,l6429375,471043r,12192l6429375,940435r-5339969,l1083437,940435r,-457200l1089406,483235r5339969,l6429375,471043r-5339969,l1077468,471043r,12192l1077468,940435r,11938l1089406,952373r5339969,l6429502,952373r12065,l6441567,940435r,-457200l6441567,471043xem6441567,r-12065,l6429375,,1089406,r-11938,l1077468,12192r,458597l1083437,470789r,-458597l1089406,12192r5339969,l6429375,470789r12192,l6441567,12192r,-12192xe" fillcolor="#6f88bc" stroked="f">
                  <v:path arrowok="t"/>
                </v:shape>
                <v:shape id="Graphic 4" o:spid="_x0000_s1028" style="position:absolute;left:11141;top:474;width:52451;height:3899;visibility:visible;mso-wrap-style:square;v-text-anchor:top" coordsize="5245100,3898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" path="m,389763r5244719,l5244719,,,,,389763xe" filled="f" strokeweight="1pt">
                  <v:path arrowok="t"/>
                </v:shape>
                <v:shape id="Graphic 5" o:spid="_x0000_s1029" style="position:absolute;left:11383;top:5271;width:52235;height:3962;visibility:visible;mso-wrap-style:square;v-text-anchor:top" coordsize="5223510,39624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" path="m,395859r5223510,l5223510,,,,,395859xe" filled="f" strokeweight="1pt">
                  <v:path arrowok="t"/>
                </v:shape>
                <v:shape id="Graphic 6" o:spid="_x0000_s1030" style="position:absolute;left:11565;top:9887;width:52057;height:3962;visibility:visible;mso-wrap-style:square;v-text-anchor:top" coordsize="5205730,39624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" path="m,395859r5205349,l5205349,,,,,395859xe" filled="f" strokeweight=".35275mm">
                  <v:path arrowok="t"/>
                </v:shape>
                <w10:wrap anchorx="page"/>
              </v:group>
            </w:pict>
          </mc:Fallback>
        </mc:AlternateContent>
      </w:r>
      <w:r>
        <w:rPr>
          <w:noProof/>
          <w:color w:val="000000"/>
        </w:rPr>
        <mc:AlternateContent>
          <mc:Choice Requires="wpg">
            <w:drawing>
              <wp:anchor distT="0" distB="0" distL="0" distR="0" simplePos="0" relativeHeight="15729664" behindDoc="0" locked="0" layoutInCell="1" allowOverlap="1" wp14:anchorId="10697192" wp14:editId="3836B49F">
                <wp:simplePos x="0" y="0"/>
                <wp:positionH relativeFrom="page">
                  <wp:posOffset>447929</wp:posOffset>
                </wp:positionH>
                <wp:positionV relativeFrom="paragraph">
                  <wp:posOffset>1457479</wp:posOffset>
                </wp:positionV>
                <wp:extent cx="6566534" cy="2117090"/>
                <wp:effectExtent l="0" t="0" r="0" b="0"/>
                <wp:wrapNone/>
                <wp:docPr id="7" name="Group 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>
                        <a:xfrm>
                          <a:off x="0" y="0"/>
                          <a:ext cx="6566534" cy="2117090"/>
                          <a:chOff x="0" y="0"/>
                          <a:chExt cx="6566534" cy="2117090"/>
                        </a:xfrm>
                      </wpg:grpSpPr>
                      <wps:wsp>
                        <wps:cNvPr id="8" name="Graphic 8"/>
                        <wps:cNvSpPr/>
                        <wps:spPr>
                          <a:xfrm>
                            <a:off x="0" y="0"/>
                            <a:ext cx="6566534" cy="211709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6566534" h="2117090">
                                <a:moveTo>
                                  <a:pt x="5969" y="2110613"/>
                                </a:moveTo>
                                <a:lnTo>
                                  <a:pt x="0" y="2110613"/>
                                </a:lnTo>
                                <a:lnTo>
                                  <a:pt x="0" y="2116582"/>
                                </a:lnTo>
                                <a:lnTo>
                                  <a:pt x="5969" y="2116582"/>
                                </a:lnTo>
                                <a:lnTo>
                                  <a:pt x="5969" y="2110613"/>
                                </a:lnTo>
                                <a:close/>
                              </a:path>
                              <a:path w="6566534" h="2117090">
                                <a:moveTo>
                                  <a:pt x="5969" y="1057529"/>
                                </a:moveTo>
                                <a:lnTo>
                                  <a:pt x="0" y="1057529"/>
                                </a:lnTo>
                                <a:lnTo>
                                  <a:pt x="0" y="2110486"/>
                                </a:lnTo>
                                <a:lnTo>
                                  <a:pt x="5969" y="2110486"/>
                                </a:lnTo>
                                <a:lnTo>
                                  <a:pt x="5969" y="1057529"/>
                                </a:lnTo>
                                <a:close/>
                              </a:path>
                              <a:path w="6566534" h="2117090">
                                <a:moveTo>
                                  <a:pt x="5969" y="0"/>
                                </a:moveTo>
                                <a:lnTo>
                                  <a:pt x="0" y="0"/>
                                </a:lnTo>
                                <a:lnTo>
                                  <a:pt x="0" y="1051306"/>
                                </a:lnTo>
                                <a:lnTo>
                                  <a:pt x="0" y="1051560"/>
                                </a:lnTo>
                                <a:lnTo>
                                  <a:pt x="0" y="1057275"/>
                                </a:lnTo>
                                <a:lnTo>
                                  <a:pt x="5969" y="1057275"/>
                                </a:lnTo>
                                <a:lnTo>
                                  <a:pt x="5969" y="1051560"/>
                                </a:lnTo>
                                <a:lnTo>
                                  <a:pt x="5969" y="1051306"/>
                                </a:lnTo>
                                <a:lnTo>
                                  <a:pt x="5969" y="0"/>
                                </a:lnTo>
                                <a:close/>
                              </a:path>
                              <a:path w="6566534" h="2117090">
                                <a:moveTo>
                                  <a:pt x="895985" y="2110613"/>
                                </a:moveTo>
                                <a:lnTo>
                                  <a:pt x="6096" y="2110613"/>
                                </a:lnTo>
                                <a:lnTo>
                                  <a:pt x="6096" y="2116582"/>
                                </a:lnTo>
                                <a:lnTo>
                                  <a:pt x="895985" y="2116582"/>
                                </a:lnTo>
                                <a:lnTo>
                                  <a:pt x="895985" y="2110613"/>
                                </a:lnTo>
                                <a:close/>
                              </a:path>
                              <a:path w="6566534" h="2117090">
                                <a:moveTo>
                                  <a:pt x="895985" y="1051306"/>
                                </a:moveTo>
                                <a:lnTo>
                                  <a:pt x="6096" y="1051306"/>
                                </a:lnTo>
                                <a:lnTo>
                                  <a:pt x="6096" y="1057275"/>
                                </a:lnTo>
                                <a:lnTo>
                                  <a:pt x="895985" y="1057275"/>
                                </a:lnTo>
                                <a:lnTo>
                                  <a:pt x="895985" y="1051306"/>
                                </a:lnTo>
                                <a:close/>
                              </a:path>
                              <a:path w="6566534" h="2117090">
                                <a:moveTo>
                                  <a:pt x="902081" y="2110613"/>
                                </a:moveTo>
                                <a:lnTo>
                                  <a:pt x="896112" y="2110613"/>
                                </a:lnTo>
                                <a:lnTo>
                                  <a:pt x="896112" y="2116582"/>
                                </a:lnTo>
                                <a:lnTo>
                                  <a:pt x="902081" y="2116582"/>
                                </a:lnTo>
                                <a:lnTo>
                                  <a:pt x="902081" y="2110613"/>
                                </a:lnTo>
                                <a:close/>
                              </a:path>
                              <a:path w="6566534" h="2117090">
                                <a:moveTo>
                                  <a:pt x="902081" y="1057529"/>
                                </a:moveTo>
                                <a:lnTo>
                                  <a:pt x="896112" y="1057529"/>
                                </a:lnTo>
                                <a:lnTo>
                                  <a:pt x="896112" y="2110486"/>
                                </a:lnTo>
                                <a:lnTo>
                                  <a:pt x="902081" y="2110486"/>
                                </a:lnTo>
                                <a:lnTo>
                                  <a:pt x="902081" y="1057529"/>
                                </a:lnTo>
                                <a:close/>
                              </a:path>
                              <a:path w="6566534" h="2117090">
                                <a:moveTo>
                                  <a:pt x="902081" y="0"/>
                                </a:moveTo>
                                <a:lnTo>
                                  <a:pt x="896112" y="0"/>
                                </a:lnTo>
                                <a:lnTo>
                                  <a:pt x="896112" y="1051306"/>
                                </a:lnTo>
                                <a:lnTo>
                                  <a:pt x="896112" y="1051560"/>
                                </a:lnTo>
                                <a:lnTo>
                                  <a:pt x="896112" y="1057275"/>
                                </a:lnTo>
                                <a:lnTo>
                                  <a:pt x="902081" y="1057275"/>
                                </a:lnTo>
                                <a:lnTo>
                                  <a:pt x="902081" y="1051560"/>
                                </a:lnTo>
                                <a:lnTo>
                                  <a:pt x="902081" y="1051306"/>
                                </a:lnTo>
                                <a:lnTo>
                                  <a:pt x="902081" y="0"/>
                                </a:lnTo>
                                <a:close/>
                              </a:path>
                              <a:path w="6566534" h="2117090">
                                <a:moveTo>
                                  <a:pt x="6566535" y="2110613"/>
                                </a:moveTo>
                                <a:lnTo>
                                  <a:pt x="6560693" y="2110613"/>
                                </a:lnTo>
                                <a:lnTo>
                                  <a:pt x="6560566" y="2110613"/>
                                </a:lnTo>
                                <a:lnTo>
                                  <a:pt x="902335" y="2110613"/>
                                </a:lnTo>
                                <a:lnTo>
                                  <a:pt x="902335" y="2116582"/>
                                </a:lnTo>
                                <a:lnTo>
                                  <a:pt x="6560566" y="2116582"/>
                                </a:lnTo>
                                <a:lnTo>
                                  <a:pt x="6560693" y="2116582"/>
                                </a:lnTo>
                                <a:lnTo>
                                  <a:pt x="6566535" y="2116582"/>
                                </a:lnTo>
                                <a:lnTo>
                                  <a:pt x="6566535" y="2110613"/>
                                </a:lnTo>
                                <a:close/>
                              </a:path>
                              <a:path w="6566534" h="2117090">
                                <a:moveTo>
                                  <a:pt x="6566535" y="1057529"/>
                                </a:moveTo>
                                <a:lnTo>
                                  <a:pt x="6560566" y="1057529"/>
                                </a:lnTo>
                                <a:lnTo>
                                  <a:pt x="6560566" y="2110486"/>
                                </a:lnTo>
                                <a:lnTo>
                                  <a:pt x="6566535" y="2110486"/>
                                </a:lnTo>
                                <a:lnTo>
                                  <a:pt x="6566535" y="1057529"/>
                                </a:lnTo>
                                <a:close/>
                              </a:path>
                              <a:path w="6566534" h="2117090">
                                <a:moveTo>
                                  <a:pt x="6566535" y="0"/>
                                </a:moveTo>
                                <a:lnTo>
                                  <a:pt x="6560566" y="0"/>
                                </a:lnTo>
                                <a:lnTo>
                                  <a:pt x="6560566" y="1051306"/>
                                </a:lnTo>
                                <a:lnTo>
                                  <a:pt x="902335" y="1051306"/>
                                </a:lnTo>
                                <a:lnTo>
                                  <a:pt x="902335" y="1057275"/>
                                </a:lnTo>
                                <a:lnTo>
                                  <a:pt x="6560566" y="1057275"/>
                                </a:lnTo>
                                <a:lnTo>
                                  <a:pt x="6560693" y="1057275"/>
                                </a:lnTo>
                                <a:lnTo>
                                  <a:pt x="6566535" y="1057275"/>
                                </a:lnTo>
                                <a:lnTo>
                                  <a:pt x="6566535" y="1051560"/>
                                </a:lnTo>
                                <a:lnTo>
                                  <a:pt x="6566535" y="1051306"/>
                                </a:lnTo>
                                <a:lnTo>
                                  <a:pt x="6566535" y="0"/>
                                </a:lnTo>
                                <a:close/>
                              </a:path>
                            </a:pathLst>
                          </a:custGeom>
                          <a:solidFill>
                            <a:srgbClr val="000000"/>
                          </a:solidFill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" name="Graphic 9"/>
                        <wps:cNvSpPr/>
                        <wps:spPr>
                          <a:xfrm>
                            <a:off x="61616" y="31255"/>
                            <a:ext cx="803275" cy="98171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803275" h="981710">
                                <a:moveTo>
                                  <a:pt x="0" y="981582"/>
                                </a:moveTo>
                                <a:lnTo>
                                  <a:pt x="802894" y="981582"/>
                                </a:lnTo>
                                <a:lnTo>
                                  <a:pt x="802894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81582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" name="Graphic 10"/>
                        <wps:cNvSpPr/>
                        <wps:spPr>
                          <a:xfrm>
                            <a:off x="956015" y="49457"/>
                            <a:ext cx="5568950" cy="975994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5568950" h="975994">
                                <a:moveTo>
                                  <a:pt x="0" y="975486"/>
                                </a:moveTo>
                                <a:lnTo>
                                  <a:pt x="5568569" y="975486"/>
                                </a:lnTo>
                                <a:lnTo>
                                  <a:pt x="5568569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75486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" name="Graphic 11"/>
                        <wps:cNvSpPr/>
                        <wps:spPr>
                          <a:xfrm>
                            <a:off x="85831" y="1099790"/>
                            <a:ext cx="780415" cy="986155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780415" h="986155">
                                <a:moveTo>
                                  <a:pt x="0" y="986027"/>
                                </a:moveTo>
                                <a:lnTo>
                                  <a:pt x="780288" y="986027"/>
                                </a:lnTo>
                                <a:lnTo>
                                  <a:pt x="780288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86027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" name="Graphic 12"/>
                        <wps:cNvSpPr/>
                        <wps:spPr>
                          <a:xfrm>
                            <a:off x="995367" y="1108784"/>
                            <a:ext cx="5523230" cy="98044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5523230" h="980440">
                                <a:moveTo>
                                  <a:pt x="0" y="980059"/>
                                </a:moveTo>
                                <a:lnTo>
                                  <a:pt x="5523103" y="980059"/>
                                </a:lnTo>
                                <a:lnTo>
                                  <a:pt x="5523103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80059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7988A68B" id="Group 7" o:spid="_x0000_s1026" style="position:absolute;margin-left:35.25pt;margin-top:114.75pt;width:517.05pt;height:166.7pt;z-index:15729664;mso-wrap-distance-left:0;mso-wrap-distance-right:0;mso-position-horizontal-relative:page" coordsize="65665,2117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">
                <v:shape id="Graphic 8" o:spid="_x0000_s1027" style="position:absolute;width:65665;height:21170;visibility:visible;mso-wrap-style:square;v-text-anchor:top" coordsize="6566534,21170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" path="m5969,2110613r-5969,l,2116582r5969,l5969,2110613xem5969,1057529r-5969,l,2110486r5969,l5969,1057529xem5969,l,,,1051306r,254l,1057275r5969,l5969,1051560r,-254l5969,xem895985,2110613r-889889,l6096,2116582r889889,l895985,2110613xem895985,1051306r-889889,l6096,1057275r889889,l895985,1051306xem902081,2110613r-5969,l896112,2116582r5969,l902081,2110613xem902081,1057529r-5969,l896112,2110486r5969,l902081,1057529xem902081,r-5969,l896112,1051306r,254l896112,1057275r5969,l902081,1051560r,-254l902081,xem6566535,2110613r-5842,l6560566,2110613r-5658231,l902335,2116582r5658231,l6560693,2116582r5842,l6566535,2110613xem6566535,1057529r-5969,l6560566,2110486r5969,l6566535,1057529xem6566535,r-5969,l6560566,1051306r-5658231,l902335,1057275r5658231,l6560693,1057275r5842,l6566535,1051560r,-254l6566535,xe" fillcolor="black" stroked="f">
                  <v:path arrowok="t"/>
                </v:shape>
                <v:shape id="Graphic 9" o:spid="_x0000_s1028" style="position:absolute;left:616;top:312;width:8032;height:9817;visibility:visible;mso-wrap-style:square;v-text-anchor:top" coordsize="803275,98171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" path="m,981582r802894,l802894,,,,,981582xe" filled="f" strokeweight="1pt">
                  <v:path arrowok="t"/>
                </v:shape>
                <v:shape id="Graphic 10" o:spid="_x0000_s1029" style="position:absolute;left:9560;top:494;width:55689;height:9760;visibility:visible;mso-wrap-style:square;v-text-anchor:top" coordsize="5568950,975994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" path="m,975486r5568569,l5568569,,,,,975486xe" filled="f" strokeweight="1pt">
                  <v:path arrowok="t"/>
                </v:shape>
                <v:shape id="Graphic 11" o:spid="_x0000_s1030" style="position:absolute;left:858;top:10997;width:7804;height:9862;visibility:visible;mso-wrap-style:square;v-text-anchor:top" coordsize="780415,98615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" path="m,986027r780288,l780288,,,,,986027xe" filled="f" strokeweight="1pt">
                  <v:path arrowok="t"/>
                </v:shape>
                <v:shape id="Graphic 12" o:spid="_x0000_s1031" style="position:absolute;left:9953;top:11087;width:55232;height:9805;visibility:visible;mso-wrap-style:square;v-text-anchor:top" coordsize="5523230,98044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" path="m,980059r5523103,l5523103,,,,,980059xe" filled="f" strokeweight="1pt">
                  <v:path arrowok="t"/>
                </v:shape>
                <w10:wrap anchorx="page"/>
              </v:group>
            </w:pict>
          </mc:Fallback>
        </mc:AlternateContent>
      </w:r>
      <w:r>
        <w:rPr>
          <w:noProof/>
          <w:color w:val="000000"/>
        </w:rPr>
        <mc:AlternateContent>
          <mc:Choice Requires="wpg">
            <w:drawing>
              <wp:anchor distT="0" distB="0" distL="0" distR="0" simplePos="0" relativeHeight="15730176" behindDoc="0" locked="0" layoutInCell="1" allowOverlap="1" wp14:anchorId="25BC15A6" wp14:editId="3B974BA2">
                <wp:simplePos x="0" y="0"/>
                <wp:positionH relativeFrom="page">
                  <wp:posOffset>447929</wp:posOffset>
                </wp:positionH>
                <wp:positionV relativeFrom="paragraph">
                  <wp:posOffset>585497</wp:posOffset>
                </wp:positionV>
                <wp:extent cx="6560947" cy="866393"/>
                <wp:effectExtent l="0" t="0" r="11430" b="10160"/>
                <wp:wrapNone/>
                <wp:docPr id="13" name="Group 1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>
                        <a:xfrm>
                          <a:off x="0" y="0"/>
                          <a:ext cx="6560947" cy="866393"/>
                          <a:chOff x="2984" y="2984"/>
                          <a:chExt cx="6560947" cy="866393"/>
                        </a:xfrm>
                      </wpg:grpSpPr>
                      <wps:wsp>
                        <wps:cNvPr id="14" name="Textbox 14"/>
                        <wps:cNvSpPr txBox="1"/>
                        <wps:spPr>
                          <a:xfrm>
                            <a:off x="899096" y="2984"/>
                            <a:ext cx="5664835" cy="866140"/>
                          </a:xfrm>
                          <a:prstGeom prst="rect">
                            <a:avLst/>
                          </a:prstGeom>
                          <a:solidFill>
                            <a:srgbClr val="6A86C8"/>
                          </a:solidFill>
                          <a:ln w="5969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txbx>
                          <w:txbxContent>
                            <w:p w14:paraId="78C7919B" w14:textId="77777777" w:rsidR="009C6726" w:rsidRDefault="009C6726">
                              <w:pPr>
                                <w:spacing w:before="254"/>
                                <w:rPr>
                                  <w:color w:val="000000"/>
                                  <w:sz w:val="24"/>
                                </w:rPr>
                              </w:pPr>
                            </w:p>
                            <w:p w14:paraId="1B29D6CE" w14:textId="77777777" w:rsidR="009C6726" w:rsidRDefault="00000000">
                              <w:pPr>
                                <w:jc w:val="center"/>
                                <w:rPr>
                                  <w:rFonts w:ascii="Calibri" w:hAnsi="Calibri"/>
                                  <w:b/>
                                  <w:color w:val="000000"/>
                                  <w:sz w:val="24"/>
                                </w:rPr>
                              </w:pPr>
                              <w:r>
                                <w:rPr>
                                  <w:rFonts w:ascii="Calibri" w:hAnsi="Calibri"/>
                                  <w:b/>
                                  <w:color w:val="FFFFFF"/>
                                  <w:spacing w:val="-2"/>
                                  <w:sz w:val="24"/>
                                </w:rPr>
                                <w:t>Tuairimí</w:t>
                              </w:r>
                            </w:p>
                          </w:txbxContent>
                        </wps:txbx>
                        <wps:bodyPr wrap="square" lIns="0" tIns="0" rIns="0" bIns="0" rtlCol="0">
                          <a:noAutofit/>
                        </wps:bodyPr>
                      </wps:wsp>
                      <wps:wsp>
                        <wps:cNvPr id="15" name="Textbox 15"/>
                        <wps:cNvSpPr txBox="1"/>
                        <wps:spPr>
                          <a:xfrm>
                            <a:off x="2984" y="2984"/>
                            <a:ext cx="996568" cy="866393"/>
                          </a:xfrm>
                          <a:prstGeom prst="rect">
                            <a:avLst/>
                          </a:prstGeom>
                          <a:solidFill>
                            <a:srgbClr val="6A86C8"/>
                          </a:solidFill>
                          <a:ln w="5968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txbx>
                          <w:txbxContent>
                            <w:p w14:paraId="540DCC1C" w14:textId="77777777" w:rsidR="009C6726" w:rsidRDefault="00000000">
                              <w:pPr>
                                <w:spacing w:before="237"/>
                                <w:jc w:val="center"/>
                                <w:rPr>
                                  <w:rFonts w:ascii="Calibri" w:hAnsi="Calibri"/>
                                  <w:b/>
                                  <w:color w:val="000000"/>
                                  <w:sz w:val="24"/>
                                </w:rPr>
                              </w:pPr>
                              <w:r>
                                <w:rPr>
                                  <w:rFonts w:ascii="Calibri" w:hAnsi="Calibri"/>
                                  <w:b/>
                                  <w:color w:val="FFFFFF"/>
                                  <w:spacing w:val="-5"/>
                                  <w:sz w:val="24"/>
                                </w:rPr>
                                <w:t>Cód cleachtais</w:t>
                              </w:r>
                            </w:p>
                            <w:p w14:paraId="305C3BF1" w14:textId="77777777" w:rsidR="009C6726" w:rsidRDefault="00000000">
                              <w:pPr>
                                <w:ind w:left="292" w:right="289" w:hanging="5"/>
                                <w:jc w:val="center"/>
                                <w:rPr>
                                  <w:rFonts w:ascii="Calibri" w:hAnsi="Calibri"/>
                                  <w:b/>
                                  <w:color w:val="000000"/>
                                  <w:sz w:val="24"/>
                                </w:rPr>
                              </w:pPr>
                              <w:r>
                                <w:rPr>
                                  <w:rFonts w:ascii="Calibri" w:hAnsi="Calibri"/>
                                  <w:b/>
                                  <w:color w:val="FFFFFF"/>
                                  <w:spacing w:val="-2"/>
                                  <w:sz w:val="24"/>
                                </w:rPr>
                                <w:t>Uimhir na Roinne</w:t>
                              </w:r>
                            </w:p>
                          </w:txbxContent>
                        </wps:txbx>
                        <wps:bodyPr wrap="square" lIns="0" tIns="0" rIns="0" bIns="0" rtlCol="0">
                          <a:noAutofit/>
                        </wps:bodyPr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25BC15A6" id="Group 13" o:spid="_x0000_s1026" style="position:absolute;left:0;text-align:left;margin-left:35.25pt;margin-top:46.1pt;width:516.6pt;height:68.2pt;z-index:15730176;mso-wrap-distance-left:0;mso-wrap-distance-right:0;mso-position-horizontal-relative:page" coordorigin="29,29" coordsize="65609,8663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">
                <v:shapetype id="_x0000_t202" coordsize="21600,21600" o:spt="202" path="m,l,21600r21600,l21600,xe">
                  <v:stroke joinstyle="miter"/>
                  <v:path gradientshapeok="t" o:connecttype="rect"/>
                </v:shapetype>
                <v:shape id="Textbox 14" o:spid="_x0000_s1027" type="#_x0000_t202" style="position:absolute;left:8990;top:29;width:56649;height:8662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" fillcolor="#6a86c8" strokeweight=".47pt">
                  <v:textbox inset="0,0,0,0">
                    <w:txbxContent>
                      <w:p w14:paraId="78C7919B" w14:textId="77777777" w:rsidR="009C6726" w:rsidRDefault="009C6726">
                        <w:pPr>
                          <w:spacing w:before="254"/>
                          <w:rPr>
                            <w:color w:val="000000"/>
                            <w:sz w:val="24"/>
                          </w:rPr>
                        </w:pPr>
                      </w:p>
                      <w:p w14:paraId="1B29D6CE" w14:textId="77777777" w:rsidR="009C6726" w:rsidRDefault="00000000">
                        <w:pPr>
                          <w:jc w:val="center"/>
                          <w:rPr>
                            <w:rFonts w:ascii="Calibri" w:hAnsi="Calibri"/>
                            <w:b/>
                            <w:color w:val="000000"/>
                            <w:sz w:val="24"/>
                          </w:rPr>
                        </w:pPr>
                        <w:r>
                          <w:rPr>
                            <w:rFonts w:ascii="Calibri" w:hAnsi="Calibri"/>
                            <w:b/>
                            <w:color w:val="FFFFFF"/>
                            <w:spacing w:val="-2"/>
                            <w:sz w:val="24"/>
                          </w:rPr>
                          <w:t>Tuairimí</w:t>
                        </w:r>
                      </w:p>
                    </w:txbxContent>
                  </v:textbox>
                </v:shape>
                <v:shape id="Textbox 15" o:spid="_x0000_s1028" type="#_x0000_t202" style="position:absolute;left:29;top:29;width:9966;height:8664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" fillcolor="#6a86c8" strokeweight=".16578mm">
                  <v:textbox inset="0,0,0,0">
                    <w:txbxContent>
                      <w:p w14:paraId="540DCC1C" w14:textId="77777777" w:rsidR="009C6726" w:rsidRDefault="00000000">
                        <w:pPr>
                          <w:spacing w:before="237"/>
                          <w:jc w:val="center"/>
                          <w:rPr>
                            <w:rFonts w:ascii="Calibri" w:hAnsi="Calibri"/>
                            <w:b/>
                            <w:color w:val="000000"/>
                            <w:sz w:val="24"/>
                          </w:rPr>
                        </w:pPr>
                        <w:r>
                          <w:rPr>
                            <w:rFonts w:ascii="Calibri" w:hAnsi="Calibri"/>
                            <w:b/>
                            <w:color w:val="FFFFFF"/>
                            <w:spacing w:val="-5"/>
                            <w:sz w:val="24"/>
                          </w:rPr>
                          <w:t>Cód cleachtais</w:t>
                        </w:r>
                      </w:p>
                      <w:p w14:paraId="305C3BF1" w14:textId="77777777" w:rsidR="009C6726" w:rsidRDefault="00000000">
                        <w:pPr>
                          <w:ind w:left="292" w:right="289" w:hanging="5"/>
                          <w:jc w:val="center"/>
                          <w:rPr>
                            <w:rFonts w:ascii="Calibri" w:hAnsi="Calibri"/>
                            <w:b/>
                            <w:color w:val="000000"/>
                            <w:sz w:val="24"/>
                          </w:rPr>
                        </w:pPr>
                        <w:r>
                          <w:rPr>
                            <w:rFonts w:ascii="Calibri" w:hAnsi="Calibri"/>
                            <w:b/>
                            <w:color w:val="FFFFFF"/>
                            <w:spacing w:val="-2"/>
                            <w:sz w:val="24"/>
                          </w:rPr>
                          <w:t>Uimhir na Roinne</w:t>
                        </w:r>
                      </w:p>
                    </w:txbxContent>
                  </v:textbox>
                </v:shape>
                <w10:wrap anchorx="page"/>
              </v:group>
            </w:pict>
          </mc:Fallback>
        </mc:AlternateContent>
      </w:r>
      <w:r>
        <w:rPr>
          <w:color w:val="000000"/>
        </w:rPr>
        <w:t>Cuir isteach aon tuairimí, aiseolas nó moltaí maidir leis an gCód Cleachtais sna ranna ábhartha.</w:t>
      </w:r>
    </w:p>
    <w:p w14:paraId="46F4BB60" w14:textId="77777777" w:rsidR="009C6726" w:rsidRDefault="009C6726">
      <w:pPr>
        <w:pStyle w:val="Corpotesto"/>
        <w:sectPr w:rsidR="009C6726">
          <w:footerReference w:type="even" r:id="rId7"/>
          <w:footerReference w:type="default" r:id="rId8"/>
          <w:footerReference w:type="first" r:id="rId9"/>
          <w:type w:val="continuous"/>
          <w:pgSz w:w="11910" w:h="16820"/>
          <w:pgMar w:top="1240" w:right="850" w:bottom="280" w:left="708" w:header="720" w:footer="720" w:gutter="0"/>
          <w:cols w:space="720"/>
        </w:sectPr>
      </w:pPr>
    </w:p>
    <w:p w14:paraId="35C52798" w14:textId="77777777" w:rsidR="009C6726" w:rsidRDefault="00000000">
      <w:pPr>
        <w:pStyle w:val="Corpotesto"/>
        <w:spacing w:before="4"/>
        <w:rPr>
          <w:sz w:val="17"/>
        </w:rPr>
      </w:pPr>
      <w:r>
        <w:rPr>
          <w:noProof/>
          <w:color w:val="000000"/>
          <w:sz w:val="17"/>
        </w:rPr>
        <w:lastRenderedPageBreak/>
        <mc:AlternateContent>
          <mc:Choice Requires="wpg">
            <w:drawing>
              <wp:anchor distT="0" distB="0" distL="0" distR="0" simplePos="0" relativeHeight="15730688" behindDoc="0" locked="0" layoutInCell="1" allowOverlap="1" wp14:anchorId="363D66E2" wp14:editId="6CA0CE8E">
                <wp:simplePos x="0" y="0"/>
                <wp:positionH relativeFrom="page">
                  <wp:posOffset>447929</wp:posOffset>
                </wp:positionH>
                <wp:positionV relativeFrom="page">
                  <wp:posOffset>541147</wp:posOffset>
                </wp:positionV>
                <wp:extent cx="6566534" cy="6350635"/>
                <wp:effectExtent l="0" t="0" r="0" b="0"/>
                <wp:wrapNone/>
                <wp:docPr id="16" name="Group 1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>
                        <a:xfrm>
                          <a:off x="0" y="0"/>
                          <a:ext cx="6566534" cy="6350635"/>
                          <a:chOff x="0" y="0"/>
                          <a:chExt cx="6566534" cy="6350635"/>
                        </a:xfrm>
                      </wpg:grpSpPr>
                      <wps:wsp>
                        <wps:cNvPr id="17" name="Graphic 17"/>
                        <wps:cNvSpPr/>
                        <wps:spPr>
                          <a:xfrm>
                            <a:off x="0" y="0"/>
                            <a:ext cx="6566534" cy="6350635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6566534" h="6350635">
                                <a:moveTo>
                                  <a:pt x="5969" y="6344539"/>
                                </a:moveTo>
                                <a:lnTo>
                                  <a:pt x="0" y="6344539"/>
                                </a:lnTo>
                                <a:lnTo>
                                  <a:pt x="0" y="6350521"/>
                                </a:lnTo>
                                <a:lnTo>
                                  <a:pt x="5969" y="6350521"/>
                                </a:lnTo>
                                <a:lnTo>
                                  <a:pt x="5969" y="6344539"/>
                                </a:lnTo>
                                <a:close/>
                              </a:path>
                              <a:path w="6566534" h="6350635">
                                <a:moveTo>
                                  <a:pt x="5969" y="4233926"/>
                                </a:moveTo>
                                <a:lnTo>
                                  <a:pt x="0" y="4233926"/>
                                </a:lnTo>
                                <a:lnTo>
                                  <a:pt x="0" y="5285232"/>
                                </a:lnTo>
                                <a:lnTo>
                                  <a:pt x="0" y="5285486"/>
                                </a:lnTo>
                                <a:lnTo>
                                  <a:pt x="0" y="5291201"/>
                                </a:lnTo>
                                <a:lnTo>
                                  <a:pt x="0" y="6344158"/>
                                </a:lnTo>
                                <a:lnTo>
                                  <a:pt x="5969" y="6344158"/>
                                </a:lnTo>
                                <a:lnTo>
                                  <a:pt x="5969" y="5291201"/>
                                </a:lnTo>
                                <a:lnTo>
                                  <a:pt x="5969" y="5285486"/>
                                </a:lnTo>
                                <a:lnTo>
                                  <a:pt x="5969" y="5285232"/>
                                </a:lnTo>
                                <a:lnTo>
                                  <a:pt x="5969" y="4233926"/>
                                </a:lnTo>
                                <a:close/>
                              </a:path>
                              <a:path w="6566534" h="6350635">
                                <a:moveTo>
                                  <a:pt x="5969" y="4227576"/>
                                </a:moveTo>
                                <a:lnTo>
                                  <a:pt x="0" y="4227576"/>
                                </a:lnTo>
                                <a:lnTo>
                                  <a:pt x="0" y="4233557"/>
                                </a:lnTo>
                                <a:lnTo>
                                  <a:pt x="5969" y="4233557"/>
                                </a:lnTo>
                                <a:lnTo>
                                  <a:pt x="5969" y="4227576"/>
                                </a:lnTo>
                                <a:close/>
                              </a:path>
                              <a:path w="6566534" h="6350635">
                                <a:moveTo>
                                  <a:pt x="5969" y="3168523"/>
                                </a:moveTo>
                                <a:lnTo>
                                  <a:pt x="0" y="3168523"/>
                                </a:lnTo>
                                <a:lnTo>
                                  <a:pt x="0" y="3174365"/>
                                </a:lnTo>
                                <a:lnTo>
                                  <a:pt x="0" y="3174492"/>
                                </a:lnTo>
                                <a:lnTo>
                                  <a:pt x="0" y="4227322"/>
                                </a:lnTo>
                                <a:lnTo>
                                  <a:pt x="5969" y="4227322"/>
                                </a:lnTo>
                                <a:lnTo>
                                  <a:pt x="5969" y="3174492"/>
                                </a:lnTo>
                                <a:lnTo>
                                  <a:pt x="5969" y="3174365"/>
                                </a:lnTo>
                                <a:lnTo>
                                  <a:pt x="5969" y="3168523"/>
                                </a:lnTo>
                                <a:close/>
                              </a:path>
                              <a:path w="6566534" h="6350635">
                                <a:moveTo>
                                  <a:pt x="5969" y="2116836"/>
                                </a:moveTo>
                                <a:lnTo>
                                  <a:pt x="0" y="2116836"/>
                                </a:lnTo>
                                <a:lnTo>
                                  <a:pt x="0" y="3168269"/>
                                </a:lnTo>
                                <a:lnTo>
                                  <a:pt x="5969" y="3168269"/>
                                </a:lnTo>
                                <a:lnTo>
                                  <a:pt x="5969" y="2116836"/>
                                </a:lnTo>
                                <a:close/>
                              </a:path>
                              <a:path w="6566534" h="6350635">
                                <a:moveTo>
                                  <a:pt x="5969" y="1057783"/>
                                </a:moveTo>
                                <a:lnTo>
                                  <a:pt x="0" y="1057783"/>
                                </a:lnTo>
                                <a:lnTo>
                                  <a:pt x="0" y="2110740"/>
                                </a:lnTo>
                                <a:lnTo>
                                  <a:pt x="0" y="2116709"/>
                                </a:lnTo>
                                <a:lnTo>
                                  <a:pt x="5969" y="2116709"/>
                                </a:lnTo>
                                <a:lnTo>
                                  <a:pt x="5969" y="2110740"/>
                                </a:lnTo>
                                <a:lnTo>
                                  <a:pt x="5969" y="1057783"/>
                                </a:lnTo>
                                <a:close/>
                              </a:path>
                              <a:path w="6566534" h="6350635">
                                <a:moveTo>
                                  <a:pt x="5969" y="1051560"/>
                                </a:moveTo>
                                <a:lnTo>
                                  <a:pt x="0" y="1051560"/>
                                </a:lnTo>
                                <a:lnTo>
                                  <a:pt x="0" y="1057529"/>
                                </a:lnTo>
                                <a:lnTo>
                                  <a:pt x="5969" y="1057529"/>
                                </a:lnTo>
                                <a:lnTo>
                                  <a:pt x="5969" y="1051560"/>
                                </a:lnTo>
                                <a:close/>
                              </a:path>
                              <a:path w="6566534" h="6350635">
                                <a:moveTo>
                                  <a:pt x="5969" y="0"/>
                                </a:moveTo>
                                <a:lnTo>
                                  <a:pt x="0" y="0"/>
                                </a:lnTo>
                                <a:lnTo>
                                  <a:pt x="0" y="1051433"/>
                                </a:lnTo>
                                <a:lnTo>
                                  <a:pt x="5969" y="1051433"/>
                                </a:lnTo>
                                <a:lnTo>
                                  <a:pt x="5969" y="0"/>
                                </a:lnTo>
                                <a:close/>
                              </a:path>
                              <a:path w="6566534" h="6350635">
                                <a:moveTo>
                                  <a:pt x="895985" y="6344539"/>
                                </a:moveTo>
                                <a:lnTo>
                                  <a:pt x="6096" y="6344539"/>
                                </a:lnTo>
                                <a:lnTo>
                                  <a:pt x="6096" y="6350521"/>
                                </a:lnTo>
                                <a:lnTo>
                                  <a:pt x="895985" y="6350521"/>
                                </a:lnTo>
                                <a:lnTo>
                                  <a:pt x="895985" y="6344539"/>
                                </a:lnTo>
                                <a:close/>
                              </a:path>
                              <a:path w="6566534" h="6350635">
                                <a:moveTo>
                                  <a:pt x="895985" y="5285232"/>
                                </a:moveTo>
                                <a:lnTo>
                                  <a:pt x="6096" y="5285232"/>
                                </a:lnTo>
                                <a:lnTo>
                                  <a:pt x="6096" y="5291201"/>
                                </a:lnTo>
                                <a:lnTo>
                                  <a:pt x="895985" y="5291201"/>
                                </a:lnTo>
                                <a:lnTo>
                                  <a:pt x="895985" y="5285232"/>
                                </a:lnTo>
                                <a:close/>
                              </a:path>
                              <a:path w="6566534" h="6350635">
                                <a:moveTo>
                                  <a:pt x="895985" y="4227576"/>
                                </a:moveTo>
                                <a:lnTo>
                                  <a:pt x="6096" y="4227576"/>
                                </a:lnTo>
                                <a:lnTo>
                                  <a:pt x="6096" y="4233557"/>
                                </a:lnTo>
                                <a:lnTo>
                                  <a:pt x="895985" y="4233557"/>
                                </a:lnTo>
                                <a:lnTo>
                                  <a:pt x="895985" y="4227576"/>
                                </a:lnTo>
                                <a:close/>
                              </a:path>
                              <a:path w="6566534" h="6350635">
                                <a:moveTo>
                                  <a:pt x="895985" y="3168523"/>
                                </a:moveTo>
                                <a:lnTo>
                                  <a:pt x="6096" y="3168523"/>
                                </a:lnTo>
                                <a:lnTo>
                                  <a:pt x="6096" y="3174492"/>
                                </a:lnTo>
                                <a:lnTo>
                                  <a:pt x="895985" y="3174492"/>
                                </a:lnTo>
                                <a:lnTo>
                                  <a:pt x="895985" y="3168523"/>
                                </a:lnTo>
                                <a:close/>
                              </a:path>
                              <a:path w="6566534" h="6350635">
                                <a:moveTo>
                                  <a:pt x="895985" y="2110740"/>
                                </a:moveTo>
                                <a:lnTo>
                                  <a:pt x="6096" y="2110740"/>
                                </a:lnTo>
                                <a:lnTo>
                                  <a:pt x="6096" y="2116709"/>
                                </a:lnTo>
                                <a:lnTo>
                                  <a:pt x="895985" y="2116709"/>
                                </a:lnTo>
                                <a:lnTo>
                                  <a:pt x="895985" y="2110740"/>
                                </a:lnTo>
                                <a:close/>
                              </a:path>
                              <a:path w="6566534" h="6350635">
                                <a:moveTo>
                                  <a:pt x="895985" y="1051560"/>
                                </a:moveTo>
                                <a:lnTo>
                                  <a:pt x="6096" y="1051560"/>
                                </a:lnTo>
                                <a:lnTo>
                                  <a:pt x="6096" y="1057529"/>
                                </a:lnTo>
                                <a:lnTo>
                                  <a:pt x="895985" y="1057529"/>
                                </a:lnTo>
                                <a:lnTo>
                                  <a:pt x="895985" y="1051560"/>
                                </a:lnTo>
                                <a:close/>
                              </a:path>
                              <a:path w="6566534" h="6350635">
                                <a:moveTo>
                                  <a:pt x="902081" y="6344539"/>
                                </a:moveTo>
                                <a:lnTo>
                                  <a:pt x="896112" y="6344539"/>
                                </a:lnTo>
                                <a:lnTo>
                                  <a:pt x="896112" y="6350521"/>
                                </a:lnTo>
                                <a:lnTo>
                                  <a:pt x="902081" y="6350521"/>
                                </a:lnTo>
                                <a:lnTo>
                                  <a:pt x="902081" y="6344539"/>
                                </a:lnTo>
                                <a:close/>
                              </a:path>
                              <a:path w="6566534" h="6350635">
                                <a:moveTo>
                                  <a:pt x="902081" y="4233926"/>
                                </a:moveTo>
                                <a:lnTo>
                                  <a:pt x="896112" y="4233926"/>
                                </a:lnTo>
                                <a:lnTo>
                                  <a:pt x="896112" y="5285232"/>
                                </a:lnTo>
                                <a:lnTo>
                                  <a:pt x="896112" y="5285486"/>
                                </a:lnTo>
                                <a:lnTo>
                                  <a:pt x="896112" y="5291201"/>
                                </a:lnTo>
                                <a:lnTo>
                                  <a:pt x="896112" y="6344158"/>
                                </a:lnTo>
                                <a:lnTo>
                                  <a:pt x="902081" y="6344158"/>
                                </a:lnTo>
                                <a:lnTo>
                                  <a:pt x="902081" y="5291201"/>
                                </a:lnTo>
                                <a:lnTo>
                                  <a:pt x="902081" y="5285486"/>
                                </a:lnTo>
                                <a:lnTo>
                                  <a:pt x="902081" y="5285232"/>
                                </a:lnTo>
                                <a:lnTo>
                                  <a:pt x="902081" y="4233926"/>
                                </a:lnTo>
                                <a:close/>
                              </a:path>
                              <a:path w="6566534" h="6350635">
                                <a:moveTo>
                                  <a:pt x="902081" y="4227576"/>
                                </a:moveTo>
                                <a:lnTo>
                                  <a:pt x="896112" y="4227576"/>
                                </a:lnTo>
                                <a:lnTo>
                                  <a:pt x="896112" y="4233557"/>
                                </a:lnTo>
                                <a:lnTo>
                                  <a:pt x="902081" y="4233557"/>
                                </a:lnTo>
                                <a:lnTo>
                                  <a:pt x="902081" y="4227576"/>
                                </a:lnTo>
                                <a:close/>
                              </a:path>
                              <a:path w="6566534" h="6350635">
                                <a:moveTo>
                                  <a:pt x="902081" y="3168523"/>
                                </a:moveTo>
                                <a:lnTo>
                                  <a:pt x="896112" y="3168523"/>
                                </a:lnTo>
                                <a:lnTo>
                                  <a:pt x="896112" y="3174365"/>
                                </a:lnTo>
                                <a:lnTo>
                                  <a:pt x="896112" y="3174492"/>
                                </a:lnTo>
                                <a:lnTo>
                                  <a:pt x="896112" y="4227322"/>
                                </a:lnTo>
                                <a:lnTo>
                                  <a:pt x="902081" y="4227322"/>
                                </a:lnTo>
                                <a:lnTo>
                                  <a:pt x="902081" y="3174492"/>
                                </a:lnTo>
                                <a:lnTo>
                                  <a:pt x="902081" y="3174365"/>
                                </a:lnTo>
                                <a:lnTo>
                                  <a:pt x="902081" y="3168523"/>
                                </a:lnTo>
                                <a:close/>
                              </a:path>
                              <a:path w="6566534" h="6350635">
                                <a:moveTo>
                                  <a:pt x="902081" y="2116836"/>
                                </a:moveTo>
                                <a:lnTo>
                                  <a:pt x="896112" y="2116836"/>
                                </a:lnTo>
                                <a:lnTo>
                                  <a:pt x="896112" y="3168269"/>
                                </a:lnTo>
                                <a:lnTo>
                                  <a:pt x="902081" y="3168269"/>
                                </a:lnTo>
                                <a:lnTo>
                                  <a:pt x="902081" y="2116836"/>
                                </a:lnTo>
                                <a:close/>
                              </a:path>
                              <a:path w="6566534" h="6350635">
                                <a:moveTo>
                                  <a:pt x="902081" y="1057783"/>
                                </a:moveTo>
                                <a:lnTo>
                                  <a:pt x="896112" y="1057783"/>
                                </a:lnTo>
                                <a:lnTo>
                                  <a:pt x="896112" y="2110740"/>
                                </a:lnTo>
                                <a:lnTo>
                                  <a:pt x="896112" y="2116709"/>
                                </a:lnTo>
                                <a:lnTo>
                                  <a:pt x="902081" y="2116709"/>
                                </a:lnTo>
                                <a:lnTo>
                                  <a:pt x="902081" y="2110740"/>
                                </a:lnTo>
                                <a:lnTo>
                                  <a:pt x="902081" y="1057783"/>
                                </a:lnTo>
                                <a:close/>
                              </a:path>
                              <a:path w="6566534" h="6350635">
                                <a:moveTo>
                                  <a:pt x="902081" y="1051560"/>
                                </a:moveTo>
                                <a:lnTo>
                                  <a:pt x="896112" y="1051560"/>
                                </a:lnTo>
                                <a:lnTo>
                                  <a:pt x="896112" y="1057529"/>
                                </a:lnTo>
                                <a:lnTo>
                                  <a:pt x="902081" y="1057529"/>
                                </a:lnTo>
                                <a:lnTo>
                                  <a:pt x="902081" y="1051560"/>
                                </a:lnTo>
                                <a:close/>
                              </a:path>
                              <a:path w="6566534" h="6350635">
                                <a:moveTo>
                                  <a:pt x="902081" y="0"/>
                                </a:moveTo>
                                <a:lnTo>
                                  <a:pt x="896112" y="0"/>
                                </a:lnTo>
                                <a:lnTo>
                                  <a:pt x="896112" y="1051433"/>
                                </a:lnTo>
                                <a:lnTo>
                                  <a:pt x="902081" y="1051433"/>
                                </a:lnTo>
                                <a:lnTo>
                                  <a:pt x="902081" y="0"/>
                                </a:lnTo>
                                <a:close/>
                              </a:path>
                              <a:path w="6566534" h="6350635">
                                <a:moveTo>
                                  <a:pt x="6566535" y="6344539"/>
                                </a:moveTo>
                                <a:lnTo>
                                  <a:pt x="6560693" y="6344539"/>
                                </a:lnTo>
                                <a:lnTo>
                                  <a:pt x="6560566" y="6344539"/>
                                </a:lnTo>
                                <a:lnTo>
                                  <a:pt x="902335" y="6344539"/>
                                </a:lnTo>
                                <a:lnTo>
                                  <a:pt x="902335" y="6350521"/>
                                </a:lnTo>
                                <a:lnTo>
                                  <a:pt x="6560566" y="6350521"/>
                                </a:lnTo>
                                <a:lnTo>
                                  <a:pt x="6560693" y="6350521"/>
                                </a:lnTo>
                                <a:lnTo>
                                  <a:pt x="6566535" y="6350521"/>
                                </a:lnTo>
                                <a:lnTo>
                                  <a:pt x="6566535" y="6344539"/>
                                </a:lnTo>
                                <a:close/>
                              </a:path>
                              <a:path w="6566534" h="6350635">
                                <a:moveTo>
                                  <a:pt x="6566535" y="4233926"/>
                                </a:moveTo>
                                <a:lnTo>
                                  <a:pt x="6560566" y="4233926"/>
                                </a:lnTo>
                                <a:lnTo>
                                  <a:pt x="6560566" y="5285232"/>
                                </a:lnTo>
                                <a:lnTo>
                                  <a:pt x="902335" y="5285232"/>
                                </a:lnTo>
                                <a:lnTo>
                                  <a:pt x="902335" y="5291201"/>
                                </a:lnTo>
                                <a:lnTo>
                                  <a:pt x="6560566" y="5291201"/>
                                </a:lnTo>
                                <a:lnTo>
                                  <a:pt x="6560566" y="6344158"/>
                                </a:lnTo>
                                <a:lnTo>
                                  <a:pt x="6566535" y="6344158"/>
                                </a:lnTo>
                                <a:lnTo>
                                  <a:pt x="6566535" y="5291201"/>
                                </a:lnTo>
                                <a:lnTo>
                                  <a:pt x="6566535" y="5285486"/>
                                </a:lnTo>
                                <a:lnTo>
                                  <a:pt x="6566535" y="5285232"/>
                                </a:lnTo>
                                <a:lnTo>
                                  <a:pt x="6566535" y="4233926"/>
                                </a:lnTo>
                                <a:close/>
                              </a:path>
                              <a:path w="6566534" h="6350635">
                                <a:moveTo>
                                  <a:pt x="6566535" y="4227576"/>
                                </a:moveTo>
                                <a:lnTo>
                                  <a:pt x="6560693" y="4227576"/>
                                </a:lnTo>
                                <a:lnTo>
                                  <a:pt x="6560566" y="4227576"/>
                                </a:lnTo>
                                <a:lnTo>
                                  <a:pt x="902335" y="4227576"/>
                                </a:lnTo>
                                <a:lnTo>
                                  <a:pt x="902335" y="4233557"/>
                                </a:lnTo>
                                <a:lnTo>
                                  <a:pt x="6560566" y="4233557"/>
                                </a:lnTo>
                                <a:lnTo>
                                  <a:pt x="6560693" y="4233557"/>
                                </a:lnTo>
                                <a:lnTo>
                                  <a:pt x="6566535" y="4233557"/>
                                </a:lnTo>
                                <a:lnTo>
                                  <a:pt x="6566535" y="4227576"/>
                                </a:lnTo>
                                <a:close/>
                              </a:path>
                              <a:path w="6566534" h="6350635">
                                <a:moveTo>
                                  <a:pt x="6566535" y="3168523"/>
                                </a:moveTo>
                                <a:lnTo>
                                  <a:pt x="6560693" y="3168523"/>
                                </a:lnTo>
                                <a:lnTo>
                                  <a:pt x="6560566" y="3168523"/>
                                </a:lnTo>
                                <a:lnTo>
                                  <a:pt x="902335" y="3168523"/>
                                </a:lnTo>
                                <a:lnTo>
                                  <a:pt x="902335" y="3174492"/>
                                </a:lnTo>
                                <a:lnTo>
                                  <a:pt x="6560566" y="3174492"/>
                                </a:lnTo>
                                <a:lnTo>
                                  <a:pt x="6560566" y="4227322"/>
                                </a:lnTo>
                                <a:lnTo>
                                  <a:pt x="6566535" y="4227322"/>
                                </a:lnTo>
                                <a:lnTo>
                                  <a:pt x="6566535" y="3174492"/>
                                </a:lnTo>
                                <a:lnTo>
                                  <a:pt x="6566535" y="3174365"/>
                                </a:lnTo>
                                <a:lnTo>
                                  <a:pt x="6566535" y="3168523"/>
                                </a:lnTo>
                                <a:close/>
                              </a:path>
                              <a:path w="6566534" h="6350635">
                                <a:moveTo>
                                  <a:pt x="6566535" y="2116836"/>
                                </a:moveTo>
                                <a:lnTo>
                                  <a:pt x="6560566" y="2116836"/>
                                </a:lnTo>
                                <a:lnTo>
                                  <a:pt x="6560566" y="3168269"/>
                                </a:lnTo>
                                <a:lnTo>
                                  <a:pt x="6566535" y="3168269"/>
                                </a:lnTo>
                                <a:lnTo>
                                  <a:pt x="6566535" y="2116836"/>
                                </a:lnTo>
                                <a:close/>
                              </a:path>
                              <a:path w="6566534" h="6350635">
                                <a:moveTo>
                                  <a:pt x="6566535" y="1057783"/>
                                </a:moveTo>
                                <a:lnTo>
                                  <a:pt x="6560566" y="1057783"/>
                                </a:lnTo>
                                <a:lnTo>
                                  <a:pt x="6560566" y="2110740"/>
                                </a:lnTo>
                                <a:lnTo>
                                  <a:pt x="902335" y="2110740"/>
                                </a:lnTo>
                                <a:lnTo>
                                  <a:pt x="902335" y="2116709"/>
                                </a:lnTo>
                                <a:lnTo>
                                  <a:pt x="6560566" y="2116709"/>
                                </a:lnTo>
                                <a:lnTo>
                                  <a:pt x="6560693" y="2116709"/>
                                </a:lnTo>
                                <a:lnTo>
                                  <a:pt x="6566535" y="2116709"/>
                                </a:lnTo>
                                <a:lnTo>
                                  <a:pt x="6566535" y="2110740"/>
                                </a:lnTo>
                                <a:lnTo>
                                  <a:pt x="6566535" y="1057783"/>
                                </a:lnTo>
                                <a:close/>
                              </a:path>
                              <a:path w="6566534" h="6350635">
                                <a:moveTo>
                                  <a:pt x="6566535" y="1051560"/>
                                </a:moveTo>
                                <a:lnTo>
                                  <a:pt x="6560693" y="1051560"/>
                                </a:lnTo>
                                <a:lnTo>
                                  <a:pt x="6560566" y="1051560"/>
                                </a:lnTo>
                                <a:lnTo>
                                  <a:pt x="902335" y="1051560"/>
                                </a:lnTo>
                                <a:lnTo>
                                  <a:pt x="902335" y="1057529"/>
                                </a:lnTo>
                                <a:lnTo>
                                  <a:pt x="6560566" y="1057529"/>
                                </a:lnTo>
                                <a:lnTo>
                                  <a:pt x="6560693" y="1057529"/>
                                </a:lnTo>
                                <a:lnTo>
                                  <a:pt x="6566535" y="1057529"/>
                                </a:lnTo>
                                <a:lnTo>
                                  <a:pt x="6566535" y="1051560"/>
                                </a:lnTo>
                                <a:close/>
                              </a:path>
                              <a:path w="6566534" h="6350635">
                                <a:moveTo>
                                  <a:pt x="6566535" y="0"/>
                                </a:moveTo>
                                <a:lnTo>
                                  <a:pt x="6560566" y="0"/>
                                </a:lnTo>
                                <a:lnTo>
                                  <a:pt x="6560566" y="1051433"/>
                                </a:lnTo>
                                <a:lnTo>
                                  <a:pt x="6566535" y="1051433"/>
                                </a:lnTo>
                                <a:lnTo>
                                  <a:pt x="6566535" y="0"/>
                                </a:lnTo>
                                <a:close/>
                              </a:path>
                            </a:pathLst>
                          </a:custGeom>
                          <a:solidFill>
                            <a:srgbClr val="000000"/>
                          </a:solidFill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" name="Graphic 18"/>
                        <wps:cNvSpPr/>
                        <wps:spPr>
                          <a:xfrm>
                            <a:off x="31348" y="22966"/>
                            <a:ext cx="850265" cy="100584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850265" h="1005840">
                                <a:moveTo>
                                  <a:pt x="0" y="1005712"/>
                                </a:moveTo>
                                <a:lnTo>
                                  <a:pt x="849884" y="1005712"/>
                                </a:lnTo>
                                <a:lnTo>
                                  <a:pt x="849884" y="0"/>
                                </a:lnTo>
                                <a:lnTo>
                                  <a:pt x="0" y="0"/>
                                </a:lnTo>
                                <a:lnTo>
                                  <a:pt x="0" y="1005712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" name="Graphic 19"/>
                        <wps:cNvSpPr/>
                        <wps:spPr>
                          <a:xfrm>
                            <a:off x="928777" y="28980"/>
                            <a:ext cx="5614035" cy="101219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5614035" h="1012190">
                                <a:moveTo>
                                  <a:pt x="0" y="1011808"/>
                                </a:moveTo>
                                <a:lnTo>
                                  <a:pt x="5613908" y="1011808"/>
                                </a:lnTo>
                                <a:lnTo>
                                  <a:pt x="5613908" y="0"/>
                                </a:lnTo>
                                <a:lnTo>
                                  <a:pt x="0" y="0"/>
                                </a:lnTo>
                                <a:lnTo>
                                  <a:pt x="0" y="1011808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" name="Graphic 20"/>
                        <wps:cNvSpPr/>
                        <wps:spPr>
                          <a:xfrm>
                            <a:off x="46483" y="1091429"/>
                            <a:ext cx="833755" cy="1002665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833755" h="1002665">
                                <a:moveTo>
                                  <a:pt x="0" y="1002665"/>
                                </a:moveTo>
                                <a:lnTo>
                                  <a:pt x="833247" y="1002665"/>
                                </a:lnTo>
                                <a:lnTo>
                                  <a:pt x="833247" y="0"/>
                                </a:lnTo>
                                <a:lnTo>
                                  <a:pt x="0" y="0"/>
                                </a:lnTo>
                                <a:lnTo>
                                  <a:pt x="0" y="1002665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1" name="Graphic 21"/>
                        <wps:cNvSpPr/>
                        <wps:spPr>
                          <a:xfrm>
                            <a:off x="948452" y="1106491"/>
                            <a:ext cx="5586730" cy="977265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5586730" h="977265">
                                <a:moveTo>
                                  <a:pt x="0" y="977010"/>
                                </a:moveTo>
                                <a:lnTo>
                                  <a:pt x="5586730" y="977010"/>
                                </a:lnTo>
                                <a:lnTo>
                                  <a:pt x="5586730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77010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" name="Graphic 22"/>
                        <wps:cNvSpPr/>
                        <wps:spPr>
                          <a:xfrm>
                            <a:off x="51023" y="2147676"/>
                            <a:ext cx="826135" cy="99695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826135" h="996950">
                                <a:moveTo>
                                  <a:pt x="0" y="996696"/>
                                </a:moveTo>
                                <a:lnTo>
                                  <a:pt x="825627" y="996696"/>
                                </a:lnTo>
                                <a:lnTo>
                                  <a:pt x="825627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96696"/>
                                </a:lnTo>
                                <a:close/>
                              </a:path>
                            </a:pathLst>
                          </a:custGeom>
                          <a:ln w="12699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3" name="Graphic 23"/>
                        <wps:cNvSpPr/>
                        <wps:spPr>
                          <a:xfrm>
                            <a:off x="949966" y="2164304"/>
                            <a:ext cx="5588635" cy="98171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5588635" h="981710">
                                <a:moveTo>
                                  <a:pt x="0" y="981582"/>
                                </a:moveTo>
                                <a:lnTo>
                                  <a:pt x="5588254" y="981582"/>
                                </a:lnTo>
                                <a:lnTo>
                                  <a:pt x="5588254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81582"/>
                                </a:lnTo>
                                <a:close/>
                              </a:path>
                            </a:pathLst>
                          </a:custGeom>
                          <a:ln w="12699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4" name="Graphic 24"/>
                        <wps:cNvSpPr/>
                        <wps:spPr>
                          <a:xfrm>
                            <a:off x="46483" y="3207049"/>
                            <a:ext cx="828675" cy="99568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828675" h="995680">
                                <a:moveTo>
                                  <a:pt x="0" y="995172"/>
                                </a:moveTo>
                                <a:lnTo>
                                  <a:pt x="828675" y="995172"/>
                                </a:lnTo>
                                <a:lnTo>
                                  <a:pt x="828675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95172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5" name="Graphic 25"/>
                        <wps:cNvSpPr/>
                        <wps:spPr>
                          <a:xfrm>
                            <a:off x="978720" y="3216193"/>
                            <a:ext cx="5552440" cy="986155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5552440" h="986155">
                                <a:moveTo>
                                  <a:pt x="0" y="986027"/>
                                </a:moveTo>
                                <a:lnTo>
                                  <a:pt x="5551932" y="986027"/>
                                </a:lnTo>
                                <a:lnTo>
                                  <a:pt x="5551932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86027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6" name="Graphic 26"/>
                        <wps:cNvSpPr/>
                        <wps:spPr>
                          <a:xfrm>
                            <a:off x="41944" y="4266430"/>
                            <a:ext cx="830580" cy="992505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830580" h="992505">
                                <a:moveTo>
                                  <a:pt x="0" y="992124"/>
                                </a:moveTo>
                                <a:lnTo>
                                  <a:pt x="830199" y="992124"/>
                                </a:lnTo>
                                <a:lnTo>
                                  <a:pt x="830199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92124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7" name="Graphic 27"/>
                        <wps:cNvSpPr/>
                        <wps:spPr>
                          <a:xfrm>
                            <a:off x="977206" y="4275521"/>
                            <a:ext cx="5549265" cy="99060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5549265" h="990600">
                                <a:moveTo>
                                  <a:pt x="0" y="990600"/>
                                </a:moveTo>
                                <a:lnTo>
                                  <a:pt x="5548884" y="990600"/>
                                </a:lnTo>
                                <a:lnTo>
                                  <a:pt x="5548884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90600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8" name="Graphic 28"/>
                        <wps:cNvSpPr/>
                        <wps:spPr>
                          <a:xfrm>
                            <a:off x="58588" y="5331802"/>
                            <a:ext cx="807720" cy="98044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807720" h="980440">
                                <a:moveTo>
                                  <a:pt x="0" y="980059"/>
                                </a:moveTo>
                                <a:lnTo>
                                  <a:pt x="807466" y="980059"/>
                                </a:lnTo>
                                <a:lnTo>
                                  <a:pt x="807466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80059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9" name="Graphic 29"/>
                        <wps:cNvSpPr/>
                        <wps:spPr>
                          <a:xfrm>
                            <a:off x="980234" y="5346941"/>
                            <a:ext cx="5509895" cy="980440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5509895" h="980440">
                                <a:moveTo>
                                  <a:pt x="0" y="980059"/>
                                </a:moveTo>
                                <a:lnTo>
                                  <a:pt x="5509514" y="980059"/>
                                </a:lnTo>
                                <a:lnTo>
                                  <a:pt x="5509514" y="0"/>
                                </a:lnTo>
                                <a:lnTo>
                                  <a:pt x="0" y="0"/>
                                </a:lnTo>
                                <a:lnTo>
                                  <a:pt x="0" y="980059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3D935035" id="Group 16" o:spid="_x0000_s1026" style="position:absolute;margin-left:35.25pt;margin-top:42.6pt;width:517.05pt;height:500.05pt;z-index:15730688;mso-wrap-distance-left:0;mso-wrap-distance-right:0;mso-position-horizontal-relative:page;mso-position-vertical-relative:page" coordsize="65665,6350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">
                <v:shape id="Graphic 17" o:spid="_x0000_s1027" style="position:absolute;width:65665;height:63506;visibility:visible;mso-wrap-style:square;v-text-anchor:top" coordsize="6566534,635063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" path="m5969,6344539r-5969,l,6350521r5969,l5969,6344539xem5969,4233926r-5969,l,5285232r,254l,5291201,,6344158r5969,l5969,5291201r,-5715l5969,5285232r,-1051306xem5969,4227576r-5969,l,4233557r5969,l5969,4227576xem5969,3168523r-5969,l,3174365r,127l,4227322r5969,l5969,3174492r,-127l5969,3168523xem5969,2116836r-5969,l,3168269r5969,l5969,2116836xem5969,1057783r-5969,l,2110740r,5969l5969,2116709r,-5969l5969,1057783xem5969,1051560r-5969,l,1057529r5969,l5969,1051560xem5969,l,,,1051433r5969,l5969,xem895985,6344539r-889889,l6096,6350521r889889,l895985,6344539xem895985,5285232r-889889,l6096,5291201r889889,l895985,5285232xem895985,4227576r-889889,l6096,4233557r889889,l895985,4227576xem895985,3168523r-889889,l6096,3174492r889889,l895985,3168523xem895985,2110740r-889889,l6096,2116709r889889,l895985,2110740xem895985,1051560r-889889,l6096,1057529r889889,l895985,1051560xem902081,6344539r-5969,l896112,6350521r5969,l902081,6344539xem902081,4233926r-5969,l896112,5285232r,254l896112,5291201r,1052957l902081,6344158r,-1052957l902081,5285486r,-254l902081,4233926xem902081,4227576r-5969,l896112,4233557r5969,l902081,4227576xem902081,3168523r-5969,l896112,3174365r,127l896112,4227322r5969,l902081,3174492r,-127l902081,3168523xem902081,2116836r-5969,l896112,3168269r5969,l902081,2116836xem902081,1057783r-5969,l896112,2110740r,5969l902081,2116709r,-5969l902081,1057783xem902081,1051560r-5969,l896112,1057529r5969,l902081,1051560xem902081,r-5969,l896112,1051433r5969,l902081,xem6566535,6344539r-5842,l6560566,6344539r-5658231,l902335,6350521r5658231,l6560693,6350521r5842,l6566535,6344539xem6566535,4233926r-5969,l6560566,5285232r-5658231,l902335,5291201r5658231,l6560566,6344158r5969,l6566535,5291201r,-5715l6566535,5285232r,-1051306xem6566535,4227576r-5842,l6560566,4227576r-5658231,l902335,4233557r5658231,l6560693,4233557r5842,l6566535,4227576xem6566535,3168523r-5842,l6560566,3168523r-5658231,l902335,3174492r5658231,l6560566,4227322r5969,l6566535,3174492r,-127l6566535,3168523xem6566535,2116836r-5969,l6560566,3168269r5969,l6566535,2116836xem6566535,1057783r-5969,l6560566,2110740r-5658231,l902335,2116709r5658231,l6560693,2116709r5842,l6566535,2110740r,-1052957xem6566535,1051560r-5842,l6560566,1051560r-5658231,l902335,1057529r5658231,l6560693,1057529r5842,l6566535,1051560xem6566535,r-5969,l6560566,1051433r5969,l6566535,xe" fillcolor="black" stroked="f">
                  <v:path arrowok="t"/>
                </v:shape>
                <v:shape id="Graphic 18" o:spid="_x0000_s1028" style="position:absolute;left:313;top:229;width:8503;height:10059;visibility:visible;mso-wrap-style:square;v-text-anchor:top" coordsize="850265,100584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" path="m,1005712r849884,l849884,,,,,1005712xe" filled="f" strokeweight="1pt">
                  <v:path arrowok="t"/>
                </v:shape>
                <v:shape id="Graphic 19" o:spid="_x0000_s1029" style="position:absolute;left:9287;top:289;width:56141;height:10122;visibility:visible;mso-wrap-style:square;v-text-anchor:top" coordsize="5614035,1012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" path="m,1011808r5613908,l5613908,,,,,1011808xe" filled="f" strokeweight="1pt">
                  <v:path arrowok="t"/>
                </v:shape>
                <v:shape id="Graphic 20" o:spid="_x0000_s1030" style="position:absolute;left:464;top:10914;width:8338;height:10026;visibility:visible;mso-wrap-style:square;v-text-anchor:top" coordsize="833755,100266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" path="m,1002665r833247,l833247,,,,,1002665xe" filled="f" strokeweight="1pt">
                  <v:path arrowok="t"/>
                </v:shape>
                <v:shape id="Graphic 21" o:spid="_x0000_s1031" style="position:absolute;left:9484;top:11064;width:55867;height:9773;visibility:visible;mso-wrap-style:square;v-text-anchor:top" coordsize="5586730,97726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" path="m,977010r5586730,l5586730,,,,,977010xe" filled="f" strokeweight="1pt">
                  <v:path arrowok="t"/>
                </v:shape>
                <v:shape id="Graphic 22" o:spid="_x0000_s1032" style="position:absolute;left:510;top:21476;width:8261;height:9970;visibility:visible;mso-wrap-style:square;v-text-anchor:top" coordsize="826135,99695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" path="m,996696r825627,l825627,,,,,996696xe" filled="f" strokeweight=".35275mm">
                  <v:path arrowok="t"/>
                </v:shape>
                <v:shape id="Graphic 23" o:spid="_x0000_s1033" style="position:absolute;left:9499;top:21643;width:55887;height:9817;visibility:visible;mso-wrap-style:square;v-text-anchor:top" coordsize="5588635,98171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" path="m,981582r5588254,l5588254,,,,,981582xe" filled="f" strokeweight=".35275mm">
                  <v:path arrowok="t"/>
                </v:shape>
                <v:shape id="Graphic 24" o:spid="_x0000_s1034" style="position:absolute;left:464;top:32070;width:8287;height:9957;visibility:visible;mso-wrap-style:square;v-text-anchor:top" coordsize="828675,9956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" path="m,995172r828675,l828675,,,,,995172xe" filled="f" strokeweight="1pt">
                  <v:path arrowok="t"/>
                </v:shape>
                <v:shape id="Graphic 25" o:spid="_x0000_s1035" style="position:absolute;left:9787;top:32161;width:55524;height:9862;visibility:visible;mso-wrap-style:square;v-text-anchor:top" coordsize="5552440,98615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" path="m,986027r5551932,l5551932,,,,,986027xe" filled="f" strokeweight="1pt">
                  <v:path arrowok="t"/>
                </v:shape>
                <v:shape id="Graphic 26" o:spid="_x0000_s1036" style="position:absolute;left:419;top:42664;width:8306;height:9925;visibility:visible;mso-wrap-style:square;v-text-anchor:top" coordsize="830580,99250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" path="m,992124r830199,l830199,,,,,992124xe" filled="f" strokeweight="1pt">
                  <v:path arrowok="t"/>
                </v:shape>
                <v:shape id="Graphic 27" o:spid="_x0000_s1037" style="position:absolute;left:9772;top:42755;width:55492;height:9906;visibility:visible;mso-wrap-style:square;v-text-anchor:top" coordsize="5549265,99060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" path="m,990600r5548884,l5548884,,,,,990600xe" filled="f" strokeweight="1pt">
                  <v:path arrowok="t"/>
                </v:shape>
                <v:shape id="Graphic 28" o:spid="_x0000_s1038" style="position:absolute;left:585;top:53318;width:8078;height:9804;visibility:visible;mso-wrap-style:square;v-text-anchor:top" coordsize="807720,98044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" path="m,980059r807466,l807466,,,,,980059xe" filled="f" strokeweight="1pt">
                  <v:path arrowok="t"/>
                </v:shape>
                <v:shape id="Graphic 29" o:spid="_x0000_s1039" style="position:absolute;left:9802;top:53469;width:55099;height:9804;visibility:visible;mso-wrap-style:square;v-text-anchor:top" coordsize="5509895,98044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" path="m,980059r5509514,l5509514,,,,,980059xe" filled="f" strokeweight="1pt">
                  <v:path arrowok="t"/>
                </v:shape>
                <w10:wrap anchorx="page" anchory="page"/>
              </v:group>
            </w:pict>
          </mc:Fallback>
        </mc:AlternateContent>
      </w:r>
      <w:r>
        <w:rPr>
          <w:noProof/>
          <w:color w:val="000000"/>
          <w:sz w:val="17"/>
        </w:rPr>
        <mc:AlternateContent>
          <mc:Choice Requires="wps">
            <w:drawing>
              <wp:anchor distT="0" distB="0" distL="0" distR="0" simplePos="0" relativeHeight="15731200" behindDoc="0" locked="0" layoutInCell="1" allowOverlap="1" wp14:anchorId="70211159" wp14:editId="3FA37599">
                <wp:simplePos x="0" y="0"/>
                <wp:positionH relativeFrom="page">
                  <wp:posOffset>470316</wp:posOffset>
                </wp:positionH>
                <wp:positionV relativeFrom="page">
                  <wp:posOffset>7459286</wp:posOffset>
                </wp:positionV>
                <wp:extent cx="6756400" cy="2162175"/>
                <wp:effectExtent l="0" t="0" r="0" b="0"/>
                <wp:wrapNone/>
                <wp:docPr id="30" name="Graphic 3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6756400" cy="2162175"/>
                        </a:xfrm>
                        <a:custGeom>
                          <a:avLst/>
                          <a:gdLst/>
                          <a:ahLst/>
                          <a:cxnLst/>
                          <a:rect l="l" t="t" r="r" b="b"/>
                          <a:pathLst>
                            <a:path w="6756400" h="2162175">
                              <a:moveTo>
                                <a:pt x="0" y="2162048"/>
                              </a:moveTo>
                              <a:lnTo>
                                <a:pt x="6756019" y="2162048"/>
                              </a:lnTo>
                              <a:lnTo>
                                <a:pt x="6756019" y="0"/>
                              </a:lnTo>
                              <a:lnTo>
                                <a:pt x="0" y="0"/>
                              </a:lnTo>
                              <a:lnTo>
                                <a:pt x="0" y="2162048"/>
                              </a:lnTo>
                              <a:close/>
                            </a:path>
                          </a:pathLst>
                        </a:custGeom>
                        <a:ln w="12700">
                          <a:solidFill>
                            <a:srgbClr val="000000"/>
                          </a:solidFill>
                          <a:prstDash val="solid"/>
                        </a:ln>
                      </wps:spPr>
                      <wps:bodyPr wrap="square" lIns="0" tIns="0" rIns="0" bIns="0" rtlCol="0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0C69CDBE" id="Graphic 30" o:spid="_x0000_s1026" style="position:absolute;margin-left:37.05pt;margin-top:587.35pt;width:532pt;height:170.25pt;z-index:15731200;visibility:visible;mso-wrap-style:square;mso-wrap-distance-left:0;mso-wrap-distance-top:0;mso-wrap-distance-right:0;mso-wrap-distance-bottom:0;mso-position-horizontal:absolute;mso-position-horizontal-relative:page;mso-position-vertical:absolute;mso-position-vertical-relative:page;v-text-anchor:top" coordsize="6756400,216217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" path="m,2162048r6756019,l6756019,,,,,2162048xe" filled="f" strokeweight="1pt">
                <v:path arrowok="t"/>
                <w10:wrap anchorx="page" anchory="page"/>
              </v:shape>
            </w:pict>
          </mc:Fallback>
        </mc:AlternateContent>
      </w:r>
      <w:r>
        <w:rPr>
          <w:noProof/>
          <w:color w:val="000000"/>
          <w:sz w:val="17"/>
        </w:rPr>
        <mc:AlternateContent>
          <mc:Choice Requires="wpg">
            <w:drawing>
              <wp:anchor distT="0" distB="0" distL="0" distR="0" simplePos="0" relativeHeight="15731712" behindDoc="0" locked="0" layoutInCell="1" allowOverlap="1" wp14:anchorId="7CE34891" wp14:editId="3663E8A6">
                <wp:simplePos x="0" y="0"/>
                <wp:positionH relativeFrom="page">
                  <wp:posOffset>476830</wp:posOffset>
                </wp:positionH>
                <wp:positionV relativeFrom="page">
                  <wp:posOffset>7156879</wp:posOffset>
                </wp:positionV>
                <wp:extent cx="1656080" cy="191135"/>
                <wp:effectExtent l="0" t="0" r="0" b="0"/>
                <wp:wrapNone/>
                <wp:docPr id="31" name="Group 3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>
                        <a:xfrm>
                          <a:off x="0" y="0"/>
                          <a:ext cx="1656080" cy="191135"/>
                          <a:chOff x="0" y="0"/>
                          <a:chExt cx="1656080" cy="191135"/>
                        </a:xfrm>
                      </wpg:grpSpPr>
                      <wps:wsp>
                        <wps:cNvPr id="32" name="Graphic 32"/>
                        <wps:cNvSpPr/>
                        <wps:spPr>
                          <a:xfrm>
                            <a:off x="6350" y="6350"/>
                            <a:ext cx="1643380" cy="178435"/>
                          </a:xfrm>
                          <a:custGeom>
                            <a:avLst/>
                            <a:gdLst/>
                            <a:ahLst/>
                            <a:cxnLst/>
                            <a:rect l="l" t="t" r="r" b="b"/>
                            <a:pathLst>
                              <a:path w="1643380" h="178435">
                                <a:moveTo>
                                  <a:pt x="0" y="177846"/>
                                </a:moveTo>
                                <a:lnTo>
                                  <a:pt x="1642929" y="177846"/>
                                </a:lnTo>
                                <a:lnTo>
                                  <a:pt x="1642929" y="0"/>
                                </a:lnTo>
                                <a:lnTo>
                                  <a:pt x="0" y="0"/>
                                </a:lnTo>
                                <a:lnTo>
                                  <a:pt x="0" y="177846"/>
                                </a:lnTo>
                                <a:close/>
                              </a:path>
                            </a:pathLst>
                          </a:custGeom>
                          <a:ln w="12700">
                            <a:solidFill>
                              <a:srgbClr val="000000"/>
                            </a:solidFill>
                            <a:prstDash val="solid"/>
                          </a:ln>
                        </wps:spPr>
                        <wps:bodyPr wrap="square" lIns="0" tIns="0" rIns="0" bIns="0" rtlCol="0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3" name="Textbox 33"/>
                        <wps:cNvSpPr txBox="1"/>
                        <wps:spPr>
                          <a:xfrm>
                            <a:off x="0" y="2"/>
                            <a:ext cx="1656080" cy="191135"/>
                          </a:xfrm>
                          <a:prstGeom prst="rect">
                            <a:avLst/>
                          </a:prstGeom>
                        </wps:spPr>
                        <wps:txbx>
                          <w:txbxContent>
                            <w:p w14:paraId="56213525" w14:textId="77777777" w:rsidR="009C6726" w:rsidRDefault="00000000">
                              <w:pPr>
                                <w:spacing w:before="13"/>
                                <w:ind w:left="40"/>
                                <w:rPr>
                                  <w:sz w:val="18"/>
                                </w:rPr>
                              </w:pPr>
                              <w:r>
                                <w:rPr>
                                  <w:color w:val="000000"/>
                                  <w:spacing w:val="-1"/>
                                  <w:sz w:val="18"/>
                                </w:rPr>
                                <w:t>An bhfuil aon bharúlacha eile agat?</w:t>
                              </w:r>
                            </w:p>
                          </w:txbxContent>
                        </wps:txbx>
                        <wps:bodyPr wrap="square" lIns="0" tIns="0" rIns="0" bIns="0" rtlCol="0">
                          <a:noAutofit/>
                        </wps:bodyPr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7CE34891" id="Group 31" o:spid="_x0000_s1029" style="position:absolute;margin-left:37.55pt;margin-top:563.55pt;width:130.4pt;height:15.05pt;z-index:15731712;mso-wrap-distance-left:0;mso-wrap-distance-right:0;mso-position-horizontal-relative:page;mso-position-vertical-relative:page" coordsize="16560,191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">
                <v:shape id="Graphic 32" o:spid="_x0000_s1030" style="position:absolute;left:63;top:63;width:16434;height:1784;visibility:visible;mso-wrap-style:square;v-text-anchor:top" coordsize="1643380,178435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" path="m,177846r1642929,l1642929,,,,,177846xe" filled="f" strokeweight="1pt">
                  <v:path arrowok="t"/>
                </v:shape>
                <v:shape id="Textbox 33" o:spid="_x0000_s1031" type="#_x0000_t202" style="position:absolute;width:16560;height:1911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" filled="f" stroked="f">
                  <v:textbox inset="0,0,0,0">
                    <w:txbxContent>
                      <w:p w14:paraId="56213525" w14:textId="77777777" w:rsidR="009C6726" w:rsidRDefault="00000000">
                        <w:pPr>
                          <w:spacing w:before="13"/>
                          <w:ind w:left="40"/>
                          <w:rPr>
                            <w:sz w:val="18"/>
                          </w:rPr>
                        </w:pPr>
                        <w:r>
                          <w:rPr>
                            <w:color w:val="000000"/>
                            <w:spacing w:val="-1"/>
                            <w:sz w:val="18"/>
                          </w:rPr>
                          <w:t>An bhfuil aon bharúlacha eile agat?</w:t>
                        </w:r>
                      </w:p>
                    </w:txbxContent>
                  </v:textbox>
                </v:shape>
                <w10:wrap anchorx="page" anchory="page"/>
              </v:group>
            </w:pict>
          </mc:Fallback>
        </mc:AlternateContent>
      </w:r>
    </w:p>
    <w:sectPr w:rsidR="009C6726">
      <w:pgSz w:w="11910" w:h="16820"/>
      <w:pgMar w:top="860" w:right="850" w:bottom="280" w:left="708" w:header="720" w:footer="720" w:gutter="0"/>
      <w:cols w:space="72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405F4D5" w14:textId="77777777" w:rsidR="00C52736" w:rsidRDefault="00C52736" w:rsidP="005F605F">
      <w:r>
        <w:separator/>
      </w:r>
    </w:p>
  </w:endnote>
  <w:endnote w:type="continuationSeparator" w:id="0">
    <w:p w14:paraId="2DC868A8" w14:textId="77777777" w:rsidR="00C52736" w:rsidRDefault="00C52736" w:rsidP="005F605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Light">
    <w:altName w:val="Segoe UI Light"/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3D07835" w14:textId="4B72CA1A" w:rsidR="005F605F" w:rsidRDefault="005F605F">
    <w:pPr>
      <w:pStyle w:val="Pidipagina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0DC0330C" wp14:editId="238B7A9B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772795" cy="345440"/>
              <wp:effectExtent l="0" t="0" r="8255" b="0"/>
              <wp:wrapNone/>
              <wp:docPr id="59009723" name="Casella di testo 29" descr="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72795" cy="34544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1DC02A15" w14:textId="701B3CBF" w:rsidR="005F605F" w:rsidRPr="005F605F" w:rsidRDefault="005F605F" w:rsidP="005F605F">
                          <w:pPr>
                            <w:rPr>
                              <w:rFonts w:ascii="Aptos" w:eastAsia="Aptos" w:hAnsi="Aptos" w:cs="Aptos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5F605F">
                            <w:rPr>
                              <w:rFonts w:ascii="Aptos" w:eastAsia="Aptos" w:hAnsi="Aptos" w:cs="Aptos"/>
                              <w:noProof/>
                              <w:color w:val="000000"/>
                              <w:sz w:val="20"/>
                              <w:szCs w:val="20"/>
                            </w:rPr>
                            <w:t>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0DC0330C" id="_x0000_t202" coordsize="21600,21600" o:spt="202" path="m,l,21600r21600,l21600,xe">
              <v:stroke joinstyle="miter"/>
              <v:path gradientshapeok="t" o:connecttype="rect"/>
            </v:shapetype>
            <v:shape id="Casella di testo 29" o:spid="_x0000_s1032" type="#_x0000_t202" alt="OFFICIAL" style="position:absolute;margin-left:0;margin-top:0;width:60.85pt;height:27.2pt;z-index:251659264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" filled="f" stroked="f">
              <v:fill o:detectmouseclick="t"/>
              <v:textbox style="mso-fit-shape-to-text:t" inset="20pt,0,0,15pt">
                <w:txbxContent>
                  <w:p w14:paraId="1DC02A15" w14:textId="701B3CBF" w:rsidR="005F605F" w:rsidRPr="005F605F" w:rsidRDefault="005F605F" w:rsidP="005F605F">
                    <w:pPr>
                      <w:rPr>
                        <w:rFonts w:ascii="Aptos" w:eastAsia="Aptos" w:hAnsi="Aptos" w:cs="Aptos"/>
                        <w:noProof/>
                        <w:color w:val="000000"/>
                        <w:sz w:val="20"/>
                        <w:szCs w:val="20"/>
                      </w:rPr>
                    </w:pPr>
                    <w:r w:rsidRPr="005F605F">
                      <w:rPr>
                        <w:rFonts w:ascii="Aptos" w:eastAsia="Aptos" w:hAnsi="Aptos" w:cs="Aptos"/>
                        <w:noProof/>
                        <w:color w:val="000000"/>
                        <w:sz w:val="20"/>
                        <w:szCs w:val="20"/>
                      </w:rPr>
                      <w:t>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B5E503" w14:textId="355C63C9" w:rsidR="005F605F" w:rsidRDefault="005F605F">
    <w:pPr>
      <w:pStyle w:val="Pidipagina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346CE73E" wp14:editId="45D4EE41">
              <wp:simplePos x="449580" y="10066020"/>
              <wp:positionH relativeFrom="page">
                <wp:align>left</wp:align>
              </wp:positionH>
              <wp:positionV relativeFrom="page">
                <wp:align>bottom</wp:align>
              </wp:positionV>
              <wp:extent cx="772795" cy="345440"/>
              <wp:effectExtent l="0" t="0" r="8255" b="0"/>
              <wp:wrapNone/>
              <wp:docPr id="1562204783" name="Casella di testo 30" descr="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72795" cy="34544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7EBDC393" w14:textId="5104E5DF" w:rsidR="005F605F" w:rsidRPr="005F605F" w:rsidRDefault="005F605F" w:rsidP="005F605F">
                          <w:pPr>
                            <w:rPr>
                              <w:rFonts w:ascii="Aptos" w:eastAsia="Aptos" w:hAnsi="Aptos" w:cs="Aptos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5F605F">
                            <w:rPr>
                              <w:rFonts w:ascii="Aptos" w:eastAsia="Aptos" w:hAnsi="Aptos" w:cs="Aptos"/>
                              <w:noProof/>
                              <w:color w:val="000000"/>
                              <w:sz w:val="20"/>
                              <w:szCs w:val="20"/>
                            </w:rPr>
                            <w:t>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346CE73E" id="_x0000_t202" coordsize="21600,21600" o:spt="202" path="m,l,21600r21600,l21600,xe">
              <v:stroke joinstyle="miter"/>
              <v:path gradientshapeok="t" o:connecttype="rect"/>
            </v:shapetype>
            <v:shape id="Casella di testo 30" o:spid="_x0000_s1033" type="#_x0000_t202" alt="OFFICIAL" style="position:absolute;margin-left:0;margin-top:0;width:60.85pt;height:27.2pt;z-index:251660288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" filled="f" stroked="f">
              <v:fill o:detectmouseclick="t"/>
              <v:textbox style="mso-fit-shape-to-text:t" inset="20pt,0,0,15pt">
                <w:txbxContent>
                  <w:p w14:paraId="7EBDC393" w14:textId="5104E5DF" w:rsidR="005F605F" w:rsidRPr="005F605F" w:rsidRDefault="005F605F" w:rsidP="005F605F">
                    <w:pPr>
                      <w:rPr>
                        <w:rFonts w:ascii="Aptos" w:eastAsia="Aptos" w:hAnsi="Aptos" w:cs="Aptos"/>
                        <w:noProof/>
                        <w:color w:val="000000"/>
                        <w:sz w:val="20"/>
                        <w:szCs w:val="20"/>
                      </w:rPr>
                    </w:pPr>
                    <w:r w:rsidRPr="005F605F">
                      <w:rPr>
                        <w:rFonts w:ascii="Aptos" w:eastAsia="Aptos" w:hAnsi="Aptos" w:cs="Aptos"/>
                        <w:noProof/>
                        <w:color w:val="000000"/>
                        <w:sz w:val="20"/>
                        <w:szCs w:val="20"/>
                      </w:rPr>
                      <w:t>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09C4D4" w14:textId="2C1922BE" w:rsidR="005F605F" w:rsidRDefault="005F605F">
    <w:pPr>
      <w:pStyle w:val="Pidipagina"/>
    </w:pPr>
    <w:r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5B56A13F" wp14:editId="7B671487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772795" cy="345440"/>
              <wp:effectExtent l="0" t="0" r="8255" b="0"/>
              <wp:wrapNone/>
              <wp:docPr id="1093049165" name="Casella di testo 28" descr="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72795" cy="34544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CDDB47D" w14:textId="5061F3EE" w:rsidR="005F605F" w:rsidRPr="005F605F" w:rsidRDefault="005F605F" w:rsidP="005F605F">
                          <w:pPr>
                            <w:rPr>
                              <w:rFonts w:ascii="Aptos" w:eastAsia="Aptos" w:hAnsi="Aptos" w:cs="Aptos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5F605F">
                            <w:rPr>
                              <w:rFonts w:ascii="Aptos" w:eastAsia="Aptos" w:hAnsi="Aptos" w:cs="Aptos"/>
                              <w:noProof/>
                              <w:color w:val="000000"/>
                              <w:sz w:val="20"/>
                              <w:szCs w:val="20"/>
                            </w:rPr>
                            <w:t>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5B56A13F" id="_x0000_t202" coordsize="21600,21600" o:spt="202" path="m,l,21600r21600,l21600,xe">
              <v:stroke joinstyle="miter"/>
              <v:path gradientshapeok="t" o:connecttype="rect"/>
            </v:shapetype>
            <v:shape id="Casella di testo 28" o:spid="_x0000_s1034" type="#_x0000_t202" alt="OFFICIAL" style="position:absolute;margin-left:0;margin-top:0;width:60.85pt;height:27.2pt;z-index:251658240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" filled="f" stroked="f">
              <v:fill o:detectmouseclick="t"/>
              <v:textbox style="mso-fit-shape-to-text:t" inset="20pt,0,0,15pt">
                <w:txbxContent>
                  <w:p w14:paraId="2CDDB47D" w14:textId="5061F3EE" w:rsidR="005F605F" w:rsidRPr="005F605F" w:rsidRDefault="005F605F" w:rsidP="005F605F">
                    <w:pPr>
                      <w:rPr>
                        <w:rFonts w:ascii="Aptos" w:eastAsia="Aptos" w:hAnsi="Aptos" w:cs="Aptos"/>
                        <w:noProof/>
                        <w:color w:val="000000"/>
                        <w:sz w:val="20"/>
                        <w:szCs w:val="20"/>
                      </w:rPr>
                    </w:pPr>
                    <w:r w:rsidRPr="005F605F">
                      <w:rPr>
                        <w:rFonts w:ascii="Aptos" w:eastAsia="Aptos" w:hAnsi="Aptos" w:cs="Aptos"/>
                        <w:noProof/>
                        <w:color w:val="000000"/>
                        <w:sz w:val="20"/>
                        <w:szCs w:val="20"/>
                      </w:rPr>
                      <w:t>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39AC831" w14:textId="77777777" w:rsidR="00C52736" w:rsidRDefault="00C52736" w:rsidP="005F605F">
      <w:r>
        <w:separator/>
      </w:r>
    </w:p>
  </w:footnote>
  <w:footnote w:type="continuationSeparator" w:id="0">
    <w:p w14:paraId="3F022784" w14:textId="77777777" w:rsidR="00C52736" w:rsidRDefault="00C52736" w:rsidP="005F605F"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efaultTabStop w:val="720"/>
  <w:drawingGridHorizontalSpacing w:val="110"/>
  <w:displayHorizontalDrawingGridEvery w:val="2"/>
  <w:characterSpacingControl w:val="doNotCompress"/>
  <w:footnotePr>
    <w:footnote w:id="-1"/>
    <w:footnote w:id="0"/>
  </w:footnotePr>
  <w:endnotePr>
    <w:endnote w:id="-1"/>
    <w:endnote w:id="0"/>
  </w:endnotePr>
  <w:compat>
    <w:ulTrailSpace/>
    <w:shapeLayoutLikeWW8/>
    <w:compatSetting w:name="compatibilityMode" w:uri="http://schemas.microsoft.com/office/word" w:val="14"/>
    <w:compatSetting w:name="useWord2013TrackBottomHyphenation" w:uri="http://schemas.microsoft.com/office/word" w:val="1"/>
  </w:compat>
  <w:rsids>
    <w:rsidRoot w:val="009C6726"/>
    <w:rsid w:val="005F605F"/>
    <w:rsid w:val="009C6726"/>
    <w:rsid w:val="00A35E95"/>
    <w:rsid w:val="00C5273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567409A0"/>
  <w15:docId w15:val="{41F93FA4-D47B-467D-82A3-185CF7CA902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ga-IE" w:eastAsia="en-US" w:bidi="ar-SA"/>
      </w:rPr>
    </w:rPrDefault>
    <w:pPrDefault>
      <w:pPr>
        <w:widowControl w:val="0"/>
        <w:autoSpaceDE w:val="0"/>
        <w:autoSpaceDN w:val="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Pr>
      <w:rFonts w:ascii="Arial" w:eastAsia="Arial" w:hAnsi="Arial" w:cs="Arial"/>
    </w:rPr>
  </w:style>
  <w:style w:type="paragraph" w:styleId="Titolo1">
    <w:name w:val="heading 1"/>
    <w:basedOn w:val="Normale"/>
    <w:uiPriority w:val="9"/>
    <w:qFormat/>
    <w:pPr>
      <w:spacing w:before="85"/>
      <w:ind w:left="1895" w:right="1753"/>
      <w:jc w:val="center"/>
      <w:outlineLvl w:val="0"/>
    </w:pPr>
    <w:rPr>
      <w:rFonts w:ascii="Segoe UI Light" w:eastAsia="Segoe UI Light" w:hAnsi="Segoe UI Light" w:cs="Segoe UI Light"/>
      <w:sz w:val="72"/>
      <w:szCs w:val="72"/>
    </w:rPr>
  </w:style>
  <w:style w:type="paragraph" w:styleId="Titolo2">
    <w:name w:val="heading 2"/>
    <w:basedOn w:val="Normale"/>
    <w:uiPriority w:val="9"/>
    <w:unhideWhenUsed/>
    <w:qFormat/>
    <w:pPr>
      <w:spacing w:before="661"/>
      <w:ind w:left="1895" w:right="1669"/>
      <w:jc w:val="center"/>
      <w:outlineLvl w:val="1"/>
    </w:pPr>
    <w:rPr>
      <w:b/>
      <w:bCs/>
      <w:sz w:val="28"/>
      <w:szCs w:val="28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table" w:customStyle="1" w:styleId="TableNormal">
    <w:name w:val="Table Normal"/>
    <w:uiPriority w:val="2"/>
    <w:semiHidden/>
    <w:unhideWhenUsed/>
    <w:qFormat/>
    <w:tblPr>
      <w:tblInd w:w="0" w:type="dxa"/>
      <w:tblCellMar>
        <w:top w:w="0" w:type="dxa"/>
        <w:left w:w="0" w:type="dxa"/>
        <w:bottom w:w="0" w:type="dxa"/>
        <w:right w:w="0" w:type="dxa"/>
      </w:tblCellMar>
    </w:tblPr>
  </w:style>
  <w:style w:type="paragraph" w:styleId="Corpotesto">
    <w:name w:val="Body Text"/>
    <w:basedOn w:val="Normale"/>
    <w:uiPriority w:val="1"/>
    <w:qFormat/>
  </w:style>
  <w:style w:type="paragraph" w:styleId="Paragrafoelenco">
    <w:name w:val="List Paragraph"/>
    <w:basedOn w:val="Normale"/>
    <w:uiPriority w:val="1"/>
    <w:qFormat/>
  </w:style>
  <w:style w:type="paragraph" w:customStyle="1" w:styleId="TableParagraph">
    <w:name w:val="Table Paragraph"/>
    <w:basedOn w:val="Normale"/>
    <w:uiPriority w:val="1"/>
    <w:qFormat/>
    <w:pPr>
      <w:spacing w:before="54"/>
      <w:ind w:left="306" w:right="45" w:hanging="207"/>
    </w:pPr>
    <w:rPr>
      <w:rFonts w:ascii="Calibri" w:eastAsia="Calibri" w:hAnsi="Calibri" w:cs="Calibri"/>
    </w:rPr>
  </w:style>
  <w:style w:type="paragraph" w:styleId="Pidipagina">
    <w:name w:val="footer"/>
    <w:basedOn w:val="Normale"/>
    <w:link w:val="PidipaginaCarattere"/>
    <w:uiPriority w:val="99"/>
    <w:unhideWhenUsed/>
    <w:rsid w:val="005F605F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99"/>
    <w:rsid w:val="005F605F"/>
    <w:rPr>
      <w:rFonts w:ascii="Arial" w:eastAsia="Arial" w:hAnsi="Arial" w:cs="Ari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er" Target="footer2.xml"/><Relationship Id="rId3" Type="http://schemas.openxmlformats.org/officeDocument/2006/relationships/webSettings" Target="webSettings.xml"/><Relationship Id="rId7" Type="http://schemas.openxmlformats.org/officeDocument/2006/relationships/footer" Target="footer1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6" Type="http://schemas.openxmlformats.org/officeDocument/2006/relationships/image" Target="media/image1.png"/><Relationship Id="rId11" Type="http://schemas.openxmlformats.org/officeDocument/2006/relationships/theme" Target="theme/theme1.xml"/><Relationship Id="rId5" Type="http://schemas.openxmlformats.org/officeDocument/2006/relationships/endnotes" Target="endnotes.xml"/><Relationship Id="rId10" Type="http://schemas.openxmlformats.org/officeDocument/2006/relationships/fontTable" Target="fontTable.xml"/><Relationship Id="rId4" Type="http://schemas.openxmlformats.org/officeDocument/2006/relationships/footnotes" Target="footnotes.xml"/><Relationship Id="rId9" Type="http://schemas.openxmlformats.org/officeDocument/2006/relationships/footer" Target="footer3.xm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Cher" typeface="Plantagenet Cherokee"/>
        <a:font script="Yiii" typeface="Microsoft Yi Baiti"/>
        <a:font script="Thaa" typeface="MV Boli"/>
        <a:font script="Syrc" typeface="Estrangelo Edess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Cher" typeface="Plantagenet Cherokee"/>
        <a:font script="Yiii" typeface="Microsoft Yi Baiti"/>
        <a:font script="Thaa" typeface="MV Boli"/>
        <a:font script="Syrc" typeface="Estrangelo Edess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Metadata/LabelInfo.xml><?xml version="1.0" encoding="utf-8"?>
<clbl:labelList xmlns:clbl="http://schemas.microsoft.com/office/2020/mipLabelMetadata">
  <clbl:label id="{da41b729-ab01-4523-b76a-288798dcb65d}" enabled="1" method="Standard" siteId="{87d48f5f-7eb6-48dd-b269-dae3dea931b5}" contentBits="2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2</Pages>
  <Words>44</Words>
  <Characters>252</Characters>
  <Application>Microsoft Office Word</Application>
  <DocSecurity>0</DocSecurity>
  <Lines>2</Lines>
  <Paragraphs>1</Paragraphs>
  <ScaleCrop>false</ScaleCrop>
  <Company/>
  <LinksUpToDate>false</LinksUpToDate>
  <CharactersWithSpaces>29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WC Codes of Practice_Observations - for PDF</dc:title>
  <dc:creator>Thomas Rice</dc:creator>
  <cp:lastModifiedBy>Filippo Scognamiglio</cp:lastModifiedBy>
  <cp:revision>2</cp:revision>
  <dcterms:created xsi:type="dcterms:W3CDTF">2025-12-31T09:11:00Z</dcterms:created>
  <dcterms:modified xsi:type="dcterms:W3CDTF">2025-12-31T15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">
    <vt:filetime>2024-03-22T00:00:00Z</vt:filetime>
  </property>
  <property fmtid="{D5CDD505-2E9C-101B-9397-08002B2CF9AE}" pid="3" name="Creator">
    <vt:lpwstr>Nuance PDF Create</vt:lpwstr>
  </property>
  <property fmtid="{D5CDD505-2E9C-101B-9397-08002B2CF9AE}" pid="4" name="LastSaved">
    <vt:filetime>2025-12-31T00:00:00Z</vt:filetime>
  </property>
  <property fmtid="{D5CDD505-2E9C-101B-9397-08002B2CF9AE}" pid="5" name="MS Version">
    <vt:lpwstr>1.0.5</vt:lpwstr>
  </property>
  <property fmtid="{D5CDD505-2E9C-101B-9397-08002B2CF9AE}" pid="6" name="Producer">
    <vt:lpwstr>Nuance PDF Create</vt:lpwstr>
  </property>
  <property fmtid="{D5CDD505-2E9C-101B-9397-08002B2CF9AE}" pid="7" name="TemplafyFromBlank">
    <vt:lpwstr>True</vt:lpwstr>
  </property>
  <property fmtid="{D5CDD505-2E9C-101B-9397-08002B2CF9AE}" pid="8" name="TemplafyTemplateId">
    <vt:lpwstr>638030785227017312</vt:lpwstr>
  </property>
  <property fmtid="{D5CDD505-2E9C-101B-9397-08002B2CF9AE}" pid="9" name="TemplafyTenantId">
    <vt:lpwstr>paconsulting</vt:lpwstr>
  </property>
  <property fmtid="{D5CDD505-2E9C-101B-9397-08002B2CF9AE}" pid="10" name="TemplafyUserProfileId">
    <vt:lpwstr>732095439205564861</vt:lpwstr>
  </property>
  <property fmtid="{D5CDD505-2E9C-101B-9397-08002B2CF9AE}" pid="11" name="ClassificationContentMarkingFooterShapeIds">
    <vt:lpwstr>41269b4d,3846abb,5d1d5a6f</vt:lpwstr>
  </property>
  <property fmtid="{D5CDD505-2E9C-101B-9397-08002B2CF9AE}" pid="12" name="ClassificationContentMarkingFooterFontProps">
    <vt:lpwstr>#000000,10,Aptos</vt:lpwstr>
  </property>
  <property fmtid="{D5CDD505-2E9C-101B-9397-08002B2CF9AE}" pid="13" name="ClassificationContentMarkingFooterText">
    <vt:lpwstr>OFFICIAL</vt:lpwstr>
  </property>
</Properties>
</file>